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7\04_人材確保グループ\450_看護職\456_就業実態調査\老健・特養\R4年度調査\06　結果報告\"/>
    </mc:Choice>
  </mc:AlternateContent>
  <bookViews>
    <workbookView xWindow="0" yWindow="0" windowWidth="20460" windowHeight="7392"/>
  </bookViews>
  <sheets>
    <sheet name="1離職率　2退職理由" sheetId="5" r:id="rId1"/>
    <sheet name="３経験者採用状況" sheetId="6" r:id="rId2"/>
    <sheet name="４新卒者採用状況" sheetId="35" r:id="rId3"/>
    <sheet name="５確保方法" sheetId="37" r:id="rId4"/>
    <sheet name="６充足状況" sheetId="8" r:id="rId5"/>
    <sheet name="７特定行為研修" sheetId="25" r:id="rId6"/>
  </sheets>
  <definedNames>
    <definedName name="_xlnm.Print_Area" localSheetId="0">'1離職率　2退職理由'!$A$1:$S$77</definedName>
    <definedName name="_xlnm.Print_Area" localSheetId="2">'４新卒者採用状況'!$A$1:$J$32</definedName>
    <definedName name="_xlnm.Print_Area" localSheetId="3">'５確保方法'!$A$1:$L$44</definedName>
    <definedName name="_xlnm.Print_Area" localSheetId="5">'７特定行為研修'!$A$1:$O$3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99" uniqueCount="259">
  <si>
    <t>人数</t>
    <rPh sb="0" eb="2">
      <t>ニンズウ</t>
    </rPh>
    <phoneticPr fontId="9"/>
  </si>
  <si>
    <t>二次医療圏</t>
    <rPh sb="0" eb="2">
      <t>ニジ</t>
    </rPh>
    <rPh sb="2" eb="4">
      <t>イリョウ</t>
    </rPh>
    <rPh sb="4" eb="5">
      <t>ケン</t>
    </rPh>
    <phoneticPr fontId="9"/>
  </si>
  <si>
    <t>不明</t>
    <rPh sb="0" eb="2">
      <t>フメイ</t>
    </rPh>
    <phoneticPr fontId="9"/>
  </si>
  <si>
    <t>常勤</t>
    <rPh sb="0" eb="2">
      <t>ジョウキン</t>
    </rPh>
    <phoneticPr fontId="9"/>
  </si>
  <si>
    <t>非常勤</t>
    <rPh sb="0" eb="3">
      <t>ヒジョウキン</t>
    </rPh>
    <phoneticPr fontId="9"/>
  </si>
  <si>
    <t>全体</t>
    <rPh sb="0" eb="2">
      <t>ゼンタイ</t>
    </rPh>
    <phoneticPr fontId="9"/>
  </si>
  <si>
    <t>50～99</t>
  </si>
  <si>
    <t>合　計</t>
  </si>
  <si>
    <t>保健師</t>
    <rPh sb="0" eb="2">
      <t>ホケン</t>
    </rPh>
    <rPh sb="2" eb="3">
      <t>シ</t>
    </rPh>
    <phoneticPr fontId="10"/>
  </si>
  <si>
    <t>助産師</t>
    <rPh sb="0" eb="3">
      <t>ジョサンシ</t>
    </rPh>
    <phoneticPr fontId="10"/>
  </si>
  <si>
    <t>看護師</t>
    <rPh sb="0" eb="3">
      <t>カンゴシ</t>
    </rPh>
    <phoneticPr fontId="10"/>
  </si>
  <si>
    <t>准看護師</t>
    <rPh sb="0" eb="1">
      <t>ジュン</t>
    </rPh>
    <rPh sb="1" eb="4">
      <t>カンゴシ</t>
    </rPh>
    <phoneticPr fontId="10"/>
  </si>
  <si>
    <t>横浜</t>
    <rPh sb="0" eb="2">
      <t>ヨコハマ</t>
    </rPh>
    <phoneticPr fontId="9"/>
  </si>
  <si>
    <t>川崎</t>
    <rPh sb="0" eb="2">
      <t>カワサキ</t>
    </rPh>
    <phoneticPr fontId="9"/>
  </si>
  <si>
    <t>相模原</t>
    <rPh sb="0" eb="3">
      <t>サガミハラ</t>
    </rPh>
    <phoneticPr fontId="9"/>
  </si>
  <si>
    <t>横須賀・三浦</t>
    <rPh sb="0" eb="3">
      <t>ヨコスカ</t>
    </rPh>
    <rPh sb="4" eb="6">
      <t>ミウラ</t>
    </rPh>
    <phoneticPr fontId="9"/>
  </si>
  <si>
    <t>湘南東部</t>
    <rPh sb="0" eb="2">
      <t>ショウナン</t>
    </rPh>
    <rPh sb="2" eb="4">
      <t>トウブ</t>
    </rPh>
    <phoneticPr fontId="9"/>
  </si>
  <si>
    <t>湘南西部</t>
    <rPh sb="0" eb="2">
      <t>ショウナン</t>
    </rPh>
    <rPh sb="2" eb="4">
      <t>セイブ</t>
    </rPh>
    <phoneticPr fontId="9"/>
  </si>
  <si>
    <t>県央</t>
    <rPh sb="0" eb="2">
      <t>ケンオウ</t>
    </rPh>
    <phoneticPr fontId="9"/>
  </si>
  <si>
    <t>県西</t>
    <rPh sb="0" eb="2">
      <t>ケンセイ</t>
    </rPh>
    <phoneticPr fontId="9"/>
  </si>
  <si>
    <t>合計</t>
  </si>
  <si>
    <t>老健</t>
    <rPh sb="0" eb="2">
      <t>ロウケン</t>
    </rPh>
    <phoneticPr fontId="9"/>
  </si>
  <si>
    <t>特養</t>
    <rPh sb="0" eb="2">
      <t>トクヨウ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9"/>
  </si>
  <si>
    <t>～49</t>
    <phoneticPr fontId="9"/>
  </si>
  <si>
    <t>100～149</t>
    <phoneticPr fontId="9"/>
  </si>
  <si>
    <t>150～199</t>
    <phoneticPr fontId="9"/>
  </si>
  <si>
    <t>200以上</t>
    <phoneticPr fontId="9"/>
  </si>
  <si>
    <t>100～149</t>
    <phoneticPr fontId="9"/>
  </si>
  <si>
    <t>150～199</t>
    <phoneticPr fontId="9"/>
  </si>
  <si>
    <t>全体</t>
    <rPh sb="0" eb="2">
      <t>ゼンタイ</t>
    </rPh>
    <phoneticPr fontId="10"/>
  </si>
  <si>
    <t>常勤</t>
    <rPh sb="0" eb="2">
      <t>ジョウキン</t>
    </rPh>
    <phoneticPr fontId="10"/>
  </si>
  <si>
    <t>非常勤</t>
    <rPh sb="0" eb="3">
      <t>ヒジョウキン</t>
    </rPh>
    <phoneticPr fontId="10"/>
  </si>
  <si>
    <t>県内</t>
    <rPh sb="0" eb="2">
      <t>ケンナイ</t>
    </rPh>
    <phoneticPr fontId="10"/>
  </si>
  <si>
    <t>県外</t>
    <rPh sb="0" eb="1">
      <t>ケン</t>
    </rPh>
    <rPh sb="1" eb="2">
      <t>ガイ</t>
    </rPh>
    <phoneticPr fontId="10"/>
  </si>
  <si>
    <t>合計</t>
    <rPh sb="0" eb="2">
      <t>ゴウケイ</t>
    </rPh>
    <phoneticPr fontId="10"/>
  </si>
  <si>
    <t>合　計</t>
    <phoneticPr fontId="10"/>
  </si>
  <si>
    <t>～49</t>
    <phoneticPr fontId="9"/>
  </si>
  <si>
    <t>1年未満</t>
    <rPh sb="1" eb="2">
      <t>ネン</t>
    </rPh>
    <rPh sb="2" eb="4">
      <t>ミマン</t>
    </rPh>
    <phoneticPr fontId="9"/>
  </si>
  <si>
    <t>合計</t>
    <rPh sb="0" eb="2">
      <t>ゴウケイ</t>
    </rPh>
    <phoneticPr fontId="9"/>
  </si>
  <si>
    <t>入所定員数</t>
    <rPh sb="0" eb="2">
      <t>ニュウショ</t>
    </rPh>
    <rPh sb="2" eb="4">
      <t>テイイン</t>
    </rPh>
    <rPh sb="4" eb="5">
      <t>スウ</t>
    </rPh>
    <phoneticPr fontId="10"/>
  </si>
  <si>
    <t>200以上</t>
    <rPh sb="3" eb="5">
      <t>イジョウ</t>
    </rPh>
    <phoneticPr fontId="10"/>
  </si>
  <si>
    <t>150～199</t>
    <phoneticPr fontId="10"/>
  </si>
  <si>
    <t>二次医療圏</t>
    <rPh sb="0" eb="2">
      <t>ニジ</t>
    </rPh>
    <rPh sb="2" eb="4">
      <t>イリョウ</t>
    </rPh>
    <rPh sb="4" eb="5">
      <t>ケン</t>
    </rPh>
    <phoneticPr fontId="10"/>
  </si>
  <si>
    <t>～49</t>
    <phoneticPr fontId="10"/>
  </si>
  <si>
    <t>50～99</t>
    <phoneticPr fontId="10"/>
  </si>
  <si>
    <t>100～149</t>
    <phoneticPr fontId="10"/>
  </si>
  <si>
    <t>100～149</t>
    <phoneticPr fontId="10"/>
  </si>
  <si>
    <t>150～199</t>
    <phoneticPr fontId="10"/>
  </si>
  <si>
    <t>5年以上</t>
    <rPh sb="1" eb="4">
      <t>ネンイジョウ</t>
    </rPh>
    <phoneticPr fontId="9"/>
  </si>
  <si>
    <t>その他</t>
    <rPh sb="2" eb="3">
      <t>ホカ</t>
    </rPh>
    <phoneticPr fontId="9"/>
  </si>
  <si>
    <t>※複数回答あり</t>
    <rPh sb="1" eb="3">
      <t>フクスウ</t>
    </rPh>
    <rPh sb="3" eb="5">
      <t>カイトウ</t>
    </rPh>
    <phoneticPr fontId="9"/>
  </si>
  <si>
    <t>採用者数（人）</t>
    <rPh sb="0" eb="3">
      <t>サイヨウシャ</t>
    </rPh>
    <rPh sb="3" eb="4">
      <t>スウ</t>
    </rPh>
    <rPh sb="5" eb="6">
      <t>ニン</t>
    </rPh>
    <phoneticPr fontId="10"/>
  </si>
  <si>
    <t>※確保率＝採用者人数/採用必要数</t>
    <rPh sb="1" eb="3">
      <t>カクホ</t>
    </rPh>
    <rPh sb="3" eb="4">
      <t>リツ</t>
    </rPh>
    <rPh sb="5" eb="7">
      <t>サイヨウ</t>
    </rPh>
    <rPh sb="7" eb="8">
      <t>シャ</t>
    </rPh>
    <rPh sb="8" eb="10">
      <t>ニンズウ</t>
    </rPh>
    <rPh sb="11" eb="13">
      <t>サイヨウ</t>
    </rPh>
    <rPh sb="13" eb="16">
      <t>ヒツヨウスウ</t>
    </rPh>
    <phoneticPr fontId="9"/>
  </si>
  <si>
    <t>合計（人）</t>
    <rPh sb="0" eb="2">
      <t>ゴウケイ</t>
    </rPh>
    <rPh sb="3" eb="4">
      <t>ニン</t>
    </rPh>
    <phoneticPr fontId="9"/>
  </si>
  <si>
    <t>呼吸器（気道確保に係るもの）関連</t>
  </si>
  <si>
    <t>呼吸器（人工呼吸療法に係るもの）関連</t>
  </si>
  <si>
    <t>呼吸器（長期呼吸療法に係るもの）関連</t>
  </si>
  <si>
    <t>循環器関連</t>
  </si>
  <si>
    <t>心嚢ドレーン管理関連</t>
    <rPh sb="1" eb="2">
      <t>ノウ</t>
    </rPh>
    <phoneticPr fontId="11"/>
  </si>
  <si>
    <t>胸腔ドレーン管理関連</t>
  </si>
  <si>
    <t>腹腔ドレーン管理関連</t>
  </si>
  <si>
    <t>ろう孔管理関連</t>
  </si>
  <si>
    <t>栄養に係るカテーテル管理（中心静脈カテーテル管理）関連</t>
  </si>
  <si>
    <t>創傷管理関連</t>
  </si>
  <si>
    <t>創部ドレーン管理関連</t>
  </si>
  <si>
    <t>動脈血液ガス分析関連</t>
  </si>
  <si>
    <t>透析管理関連</t>
  </si>
  <si>
    <t>栄養及び水分管理に係る薬剤投与関連</t>
  </si>
  <si>
    <t>感染に係る薬剤投与関連</t>
  </si>
  <si>
    <t>血糖コントロールに係る薬剤投与関連</t>
  </si>
  <si>
    <t>循環動態に係る薬剤投与関連</t>
  </si>
  <si>
    <t>精神及び神経症状に係る薬剤投与関連</t>
  </si>
  <si>
    <t>皮膚損傷に係る薬剤投与関連</t>
  </si>
  <si>
    <t>構成比</t>
    <rPh sb="0" eb="2">
      <t>コウセイ</t>
    </rPh>
    <rPh sb="2" eb="3">
      <t>ヒ</t>
    </rPh>
    <phoneticPr fontId="9"/>
  </si>
  <si>
    <t>Ⅱ</t>
    <phoneticPr fontId="9"/>
  </si>
  <si>
    <t>結果</t>
    <rPh sb="0" eb="2">
      <t>ケッカ</t>
    </rPh>
    <phoneticPr fontId="9"/>
  </si>
  <si>
    <t>（１）入所定員数別離職率</t>
    <rPh sb="3" eb="5">
      <t>ニュウショ</t>
    </rPh>
    <rPh sb="5" eb="7">
      <t>テイイン</t>
    </rPh>
    <rPh sb="7" eb="8">
      <t>スウ</t>
    </rPh>
    <rPh sb="8" eb="9">
      <t>ベツ</t>
    </rPh>
    <rPh sb="9" eb="12">
      <t>リショクリツ</t>
    </rPh>
    <phoneticPr fontId="9"/>
  </si>
  <si>
    <t>（２）職種別離職率</t>
    <rPh sb="3" eb="6">
      <t>ショクシュベツ</t>
    </rPh>
    <rPh sb="6" eb="9">
      <t>リショクリツ</t>
    </rPh>
    <phoneticPr fontId="9"/>
  </si>
  <si>
    <t>（３）二次医療圏別離職率</t>
    <rPh sb="3" eb="5">
      <t>ニジ</t>
    </rPh>
    <rPh sb="5" eb="7">
      <t>イリョウ</t>
    </rPh>
    <rPh sb="7" eb="8">
      <t>ケン</t>
    </rPh>
    <rPh sb="8" eb="9">
      <t>ベツ</t>
    </rPh>
    <rPh sb="9" eb="12">
      <t>リショクリツ</t>
    </rPh>
    <phoneticPr fontId="9"/>
  </si>
  <si>
    <t>１．看護職員離職率</t>
    <rPh sb="2" eb="4">
      <t>カンゴ</t>
    </rPh>
    <rPh sb="4" eb="6">
      <t>ショクイン</t>
    </rPh>
    <rPh sb="6" eb="9">
      <t>リショクリツ</t>
    </rPh>
    <phoneticPr fontId="9"/>
  </si>
  <si>
    <t>離職率（％）＝退職者数/平均職員数＊100</t>
    <rPh sb="7" eb="9">
      <t>タイショク</t>
    </rPh>
    <rPh sb="9" eb="10">
      <t>シャ</t>
    </rPh>
    <rPh sb="10" eb="11">
      <t>スウ</t>
    </rPh>
    <rPh sb="12" eb="14">
      <t>ヘイキン</t>
    </rPh>
    <rPh sb="14" eb="16">
      <t>ショクイン</t>
    </rPh>
    <rPh sb="16" eb="17">
      <t>スウ</t>
    </rPh>
    <phoneticPr fontId="10"/>
  </si>
  <si>
    <t>退職者数　：</t>
    <rPh sb="0" eb="3">
      <t>タイショクシャ</t>
    </rPh>
    <rPh sb="3" eb="4">
      <t>スウ</t>
    </rPh>
    <phoneticPr fontId="10"/>
  </si>
  <si>
    <t>R3.4.1～R4.3.31の退職者数</t>
    <rPh sb="15" eb="17">
      <t>タイショク</t>
    </rPh>
    <rPh sb="17" eb="18">
      <t>シャ</t>
    </rPh>
    <rPh sb="18" eb="19">
      <t>スウ</t>
    </rPh>
    <phoneticPr fontId="10"/>
  </si>
  <si>
    <t>平均職員数：</t>
    <rPh sb="0" eb="2">
      <t>ヘイキン</t>
    </rPh>
    <rPh sb="2" eb="4">
      <t>ショクイン</t>
    </rPh>
    <rPh sb="4" eb="5">
      <t>スウ</t>
    </rPh>
    <phoneticPr fontId="10"/>
  </si>
  <si>
    <t>(R3.4.1職員数＋R4.3.31職員数)/２</t>
    <rPh sb="7" eb="10">
      <t>ショクインスウ</t>
    </rPh>
    <rPh sb="18" eb="21">
      <t>ショクインスウ</t>
    </rPh>
    <phoneticPr fontId="10"/>
  </si>
  <si>
    <t>R4.3.31職員数</t>
    <rPh sb="7" eb="10">
      <t>ショクインスウ</t>
    </rPh>
    <phoneticPr fontId="10"/>
  </si>
  <si>
    <t xml:space="preserve">平均職員数    </t>
    <rPh sb="0" eb="2">
      <t>ヘイキン</t>
    </rPh>
    <rPh sb="2" eb="4">
      <t>ショクイン</t>
    </rPh>
    <rPh sb="4" eb="5">
      <t>スウ</t>
    </rPh>
    <phoneticPr fontId="10"/>
  </si>
  <si>
    <t>退職者数</t>
    <rPh sb="0" eb="3">
      <t>タイショクシャ</t>
    </rPh>
    <rPh sb="3" eb="4">
      <t>スウ</t>
    </rPh>
    <phoneticPr fontId="10"/>
  </si>
  <si>
    <t>離職率　　</t>
  </si>
  <si>
    <t>R3.4.1職員数　</t>
    <rPh sb="6" eb="8">
      <t>ショクイン</t>
    </rPh>
    <rPh sb="8" eb="9">
      <t>スウ</t>
    </rPh>
    <phoneticPr fontId="10"/>
  </si>
  <si>
    <t>職種</t>
    <rPh sb="0" eb="2">
      <t>ショクシュ</t>
    </rPh>
    <phoneticPr fontId="10"/>
  </si>
  <si>
    <t>R3.4.1付け採用者数</t>
    <rPh sb="6" eb="7">
      <t>ヅ</t>
    </rPh>
    <rPh sb="8" eb="10">
      <t>サイヨウ</t>
    </rPh>
    <rPh sb="10" eb="11">
      <t>シャ</t>
    </rPh>
    <rPh sb="11" eb="12">
      <t>スウ</t>
    </rPh>
    <phoneticPr fontId="10"/>
  </si>
  <si>
    <t>R3.4.2～R4.3.31までの採用者数</t>
    <rPh sb="17" eb="19">
      <t>サイヨウ</t>
    </rPh>
    <rPh sb="19" eb="20">
      <t>シャ</t>
    </rPh>
    <rPh sb="20" eb="21">
      <t>スウ</t>
    </rPh>
    <phoneticPr fontId="10"/>
  </si>
  <si>
    <t>合計
（R3.4.1～R4.3.31）</t>
    <rPh sb="0" eb="2">
      <t>ゴウケイ</t>
    </rPh>
    <phoneticPr fontId="10"/>
  </si>
  <si>
    <t>（１）入所定員数別採用状況</t>
    <rPh sb="3" eb="5">
      <t>ニュウショ</t>
    </rPh>
    <rPh sb="5" eb="7">
      <t>テイイン</t>
    </rPh>
    <rPh sb="7" eb="8">
      <t>スウ</t>
    </rPh>
    <rPh sb="8" eb="9">
      <t>ベツ</t>
    </rPh>
    <rPh sb="9" eb="11">
      <t>サイヨウ</t>
    </rPh>
    <rPh sb="11" eb="13">
      <t>ジョウキョウ</t>
    </rPh>
    <phoneticPr fontId="10"/>
  </si>
  <si>
    <t>（２）職種別採用状況</t>
    <rPh sb="3" eb="6">
      <t>ショクシュベツ</t>
    </rPh>
    <rPh sb="6" eb="8">
      <t>サイヨウ</t>
    </rPh>
    <rPh sb="8" eb="10">
      <t>ジョウキョウ</t>
    </rPh>
    <phoneticPr fontId="10"/>
  </si>
  <si>
    <t>なし</t>
    <phoneticPr fontId="9"/>
  </si>
  <si>
    <t>1年以上
3年未満</t>
    <rPh sb="1" eb="2">
      <t>ネン</t>
    </rPh>
    <rPh sb="2" eb="4">
      <t>イジョウ</t>
    </rPh>
    <rPh sb="6" eb="7">
      <t>ネン</t>
    </rPh>
    <rPh sb="7" eb="9">
      <t>ミマン</t>
    </rPh>
    <phoneticPr fontId="9"/>
  </si>
  <si>
    <t>3年以上
5年未満</t>
    <rPh sb="1" eb="2">
      <t>ネン</t>
    </rPh>
    <rPh sb="2" eb="4">
      <t>イジョウ</t>
    </rPh>
    <rPh sb="6" eb="7">
      <t>ネン</t>
    </rPh>
    <rPh sb="7" eb="9">
      <t>ミマン</t>
    </rPh>
    <phoneticPr fontId="9"/>
  </si>
  <si>
    <t>回答施設数</t>
    <rPh sb="0" eb="2">
      <t>カイトウ</t>
    </rPh>
    <rPh sb="2" eb="4">
      <t>シセツ</t>
    </rPh>
    <rPh sb="4" eb="5">
      <t>スウ</t>
    </rPh>
    <phoneticPr fontId="9"/>
  </si>
  <si>
    <t>構成比</t>
    <rPh sb="0" eb="2">
      <t>コウセイ</t>
    </rPh>
    <rPh sb="2" eb="3">
      <t>ヒ</t>
    </rPh>
    <phoneticPr fontId="10"/>
  </si>
  <si>
    <t>看護職以外に転職</t>
    <rPh sb="0" eb="3">
      <t>カンゴショク</t>
    </rPh>
    <rPh sb="3" eb="5">
      <t>イガイ</t>
    </rPh>
    <rPh sb="6" eb="8">
      <t>テンショク</t>
    </rPh>
    <phoneticPr fontId="9"/>
  </si>
  <si>
    <t>定年退職</t>
    <rPh sb="0" eb="2">
      <t>テイネン</t>
    </rPh>
    <rPh sb="2" eb="4">
      <t>タイショク</t>
    </rPh>
    <phoneticPr fontId="9"/>
  </si>
  <si>
    <t>結婚</t>
    <rPh sb="0" eb="2">
      <t>ケッコン</t>
    </rPh>
    <phoneticPr fontId="9"/>
  </si>
  <si>
    <t>出産・育児</t>
    <rPh sb="0" eb="2">
      <t>シュッサン</t>
    </rPh>
    <rPh sb="3" eb="5">
      <t>イクジ</t>
    </rPh>
    <phoneticPr fontId="9"/>
  </si>
  <si>
    <t>本人の心身不良</t>
    <rPh sb="0" eb="2">
      <t>ホンニン</t>
    </rPh>
    <rPh sb="3" eb="5">
      <t>シンシン</t>
    </rPh>
    <rPh sb="5" eb="7">
      <t>フリョウ</t>
    </rPh>
    <phoneticPr fontId="9"/>
  </si>
  <si>
    <t>家族の健康・介護</t>
    <rPh sb="0" eb="2">
      <t>カゾク</t>
    </rPh>
    <rPh sb="3" eb="5">
      <t>ケンコウ</t>
    </rPh>
    <rPh sb="6" eb="8">
      <t>カイゴ</t>
    </rPh>
    <phoneticPr fontId="9"/>
  </si>
  <si>
    <t>転居</t>
    <rPh sb="0" eb="2">
      <t>テンキョ</t>
    </rPh>
    <phoneticPr fontId="9"/>
  </si>
  <si>
    <t>教育体制</t>
    <rPh sb="0" eb="2">
      <t>キョウイク</t>
    </rPh>
    <rPh sb="2" eb="4">
      <t>タイセイ</t>
    </rPh>
    <phoneticPr fontId="9"/>
  </si>
  <si>
    <t>勤務負担の重さ</t>
    <rPh sb="0" eb="2">
      <t>キンム</t>
    </rPh>
    <rPh sb="2" eb="4">
      <t>フタン</t>
    </rPh>
    <rPh sb="5" eb="6">
      <t>オモ</t>
    </rPh>
    <phoneticPr fontId="9"/>
  </si>
  <si>
    <t>給与・福利厚生</t>
    <rPh sb="0" eb="2">
      <t>キュウヨ</t>
    </rPh>
    <rPh sb="3" eb="5">
      <t>フクリ</t>
    </rPh>
    <rPh sb="5" eb="7">
      <t>コウセイ</t>
    </rPh>
    <phoneticPr fontId="9"/>
  </si>
  <si>
    <t>人間関係</t>
    <rPh sb="0" eb="2">
      <t>ニンゲン</t>
    </rPh>
    <rPh sb="2" eb="4">
      <t>カンケイ</t>
    </rPh>
    <phoneticPr fontId="9"/>
  </si>
  <si>
    <t>系列へ異動</t>
    <rPh sb="0" eb="2">
      <t>ケイレツ</t>
    </rPh>
    <rPh sb="3" eb="5">
      <t>イドウ</t>
    </rPh>
    <phoneticPr fontId="9"/>
  </si>
  <si>
    <t>県内</t>
    <rPh sb="0" eb="2">
      <t>ケンナイ</t>
    </rPh>
    <phoneticPr fontId="9"/>
  </si>
  <si>
    <t>県外</t>
    <rPh sb="0" eb="2">
      <t>ケンガイ</t>
    </rPh>
    <phoneticPr fontId="9"/>
  </si>
  <si>
    <t>決まっていない</t>
    <rPh sb="0" eb="1">
      <t>キ</t>
    </rPh>
    <phoneticPr fontId="9"/>
  </si>
  <si>
    <t>病院</t>
    <rPh sb="0" eb="2">
      <t>ビョウイン</t>
    </rPh>
    <phoneticPr fontId="9"/>
  </si>
  <si>
    <t>老健特養</t>
    <rPh sb="0" eb="2">
      <t>ロウケン</t>
    </rPh>
    <rPh sb="2" eb="4">
      <t>トクヨウ</t>
    </rPh>
    <phoneticPr fontId="9"/>
  </si>
  <si>
    <t>小多機・看多機</t>
    <rPh sb="0" eb="1">
      <t>ショウ</t>
    </rPh>
    <rPh sb="2" eb="3">
      <t>キ</t>
    </rPh>
    <rPh sb="4" eb="5">
      <t>カン</t>
    </rPh>
    <rPh sb="5" eb="6">
      <t>タ</t>
    </rPh>
    <rPh sb="6" eb="7">
      <t>キ</t>
    </rPh>
    <phoneticPr fontId="9"/>
  </si>
  <si>
    <t>２．退職理由と転職状況</t>
    <rPh sb="2" eb="4">
      <t>タイショク</t>
    </rPh>
    <rPh sb="4" eb="6">
      <t>リユウ</t>
    </rPh>
    <rPh sb="7" eb="9">
      <t>テンショク</t>
    </rPh>
    <rPh sb="9" eb="11">
      <t>ジョウキョウ</t>
    </rPh>
    <phoneticPr fontId="9"/>
  </si>
  <si>
    <t>３．経験者採用状況</t>
    <rPh sb="2" eb="5">
      <t>ケイケンシャ</t>
    </rPh>
    <rPh sb="5" eb="7">
      <t>サイヨウ</t>
    </rPh>
    <rPh sb="7" eb="9">
      <t>ジョウキョウ</t>
    </rPh>
    <phoneticPr fontId="10"/>
  </si>
  <si>
    <t>老健</t>
    <rPh sb="0" eb="2">
      <t>ロウケン</t>
    </rPh>
    <phoneticPr fontId="9"/>
  </si>
  <si>
    <t>特養</t>
    <rPh sb="0" eb="2">
      <t>トクヨウ</t>
    </rPh>
    <phoneticPr fontId="9"/>
  </si>
  <si>
    <t>合計</t>
    <rPh sb="0" eb="2">
      <t>ゴウケイ</t>
    </rPh>
    <phoneticPr fontId="9"/>
  </si>
  <si>
    <t>（１）令和３年度新卒新採用の看護職員数</t>
    <rPh sb="3" eb="5">
      <t>レイワ</t>
    </rPh>
    <rPh sb="6" eb="8">
      <t>ネンド</t>
    </rPh>
    <rPh sb="8" eb="10">
      <t>シンソツ</t>
    </rPh>
    <rPh sb="10" eb="12">
      <t>シンサイ</t>
    </rPh>
    <rPh sb="12" eb="13">
      <t>ヨウ</t>
    </rPh>
    <rPh sb="14" eb="16">
      <t>カンゴ</t>
    </rPh>
    <rPh sb="16" eb="18">
      <t>ショクイン</t>
    </rPh>
    <rPh sb="18" eb="19">
      <t>スウ</t>
    </rPh>
    <phoneticPr fontId="9"/>
  </si>
  <si>
    <t>保健師</t>
    <rPh sb="0" eb="3">
      <t>ホケンシ</t>
    </rPh>
    <phoneticPr fontId="9"/>
  </si>
  <si>
    <t>助産師</t>
    <rPh sb="0" eb="3">
      <t>ジョサンシ</t>
    </rPh>
    <phoneticPr fontId="9"/>
  </si>
  <si>
    <t>看護師</t>
    <rPh sb="0" eb="3">
      <t>カンゴシ</t>
    </rPh>
    <phoneticPr fontId="9"/>
  </si>
  <si>
    <t>准看護師</t>
    <rPh sb="0" eb="4">
      <t>ジュンカンゴシ</t>
    </rPh>
    <phoneticPr fontId="9"/>
  </si>
  <si>
    <t>全体</t>
    <rPh sb="0" eb="1">
      <t>ゼン</t>
    </rPh>
    <rPh sb="1" eb="2">
      <t>タイ</t>
    </rPh>
    <phoneticPr fontId="9"/>
  </si>
  <si>
    <t>退職者数</t>
    <rPh sb="0" eb="2">
      <t>タイショク</t>
    </rPh>
    <rPh sb="2" eb="3">
      <t>シャ</t>
    </rPh>
    <rPh sb="3" eb="4">
      <t>スウ</t>
    </rPh>
    <phoneticPr fontId="9"/>
  </si>
  <si>
    <t>自施設</t>
    <rPh sb="0" eb="1">
      <t>ジ</t>
    </rPh>
    <rPh sb="1" eb="3">
      <t>シセツ</t>
    </rPh>
    <phoneticPr fontId="9"/>
  </si>
  <si>
    <t>一部外部</t>
    <rPh sb="0" eb="2">
      <t>イチブ</t>
    </rPh>
    <rPh sb="2" eb="4">
      <t>ガイブ</t>
    </rPh>
    <phoneticPr fontId="9"/>
  </si>
  <si>
    <t>すべて外部</t>
    <rPh sb="3" eb="5">
      <t>ガイブ</t>
    </rPh>
    <phoneticPr fontId="9"/>
  </si>
  <si>
    <t>考えていない</t>
    <rPh sb="0" eb="1">
      <t>カンガ</t>
    </rPh>
    <phoneticPr fontId="9"/>
  </si>
  <si>
    <t>応募があれば検討</t>
    <rPh sb="0" eb="2">
      <t>オウボ</t>
    </rPh>
    <rPh sb="6" eb="8">
      <t>ケントウ</t>
    </rPh>
    <phoneticPr fontId="9"/>
  </si>
  <si>
    <t>その他コメント</t>
    <rPh sb="2" eb="3">
      <t>ホカ</t>
    </rPh>
    <phoneticPr fontId="9"/>
  </si>
  <si>
    <t>（４）新卒者を採用するにあたり必要と考える項目</t>
    <rPh sb="3" eb="5">
      <t>シンソツ</t>
    </rPh>
    <rPh sb="7" eb="9">
      <t>サイヨウ</t>
    </rPh>
    <rPh sb="15" eb="17">
      <t>ヒツヨウ</t>
    </rPh>
    <rPh sb="18" eb="19">
      <t>カンガ</t>
    </rPh>
    <rPh sb="21" eb="23">
      <t>コウモク</t>
    </rPh>
    <phoneticPr fontId="9"/>
  </si>
  <si>
    <t>積極採用</t>
    <rPh sb="0" eb="4">
      <t>セッキョクサイヨウ</t>
    </rPh>
    <phoneticPr fontId="9"/>
  </si>
  <si>
    <t>教育プログラム</t>
    <rPh sb="0" eb="2">
      <t>キョウイク</t>
    </rPh>
    <phoneticPr fontId="9"/>
  </si>
  <si>
    <t>教育予算</t>
    <rPh sb="0" eb="2">
      <t>キョウイク</t>
    </rPh>
    <rPh sb="2" eb="4">
      <t>ヨサン</t>
    </rPh>
    <phoneticPr fontId="9"/>
  </si>
  <si>
    <t>他職種連携・理解</t>
    <rPh sb="0" eb="1">
      <t>タ</t>
    </rPh>
    <rPh sb="1" eb="3">
      <t>ショクシュ</t>
    </rPh>
    <rPh sb="3" eb="5">
      <t>レンケイ</t>
    </rPh>
    <rPh sb="6" eb="8">
      <t>リカイ</t>
    </rPh>
    <phoneticPr fontId="9"/>
  </si>
  <si>
    <t>医療機関との連携</t>
    <rPh sb="0" eb="2">
      <t>イリョウ</t>
    </rPh>
    <rPh sb="2" eb="4">
      <t>キカン</t>
    </rPh>
    <rPh sb="6" eb="8">
      <t>レンケイ</t>
    </rPh>
    <phoneticPr fontId="9"/>
  </si>
  <si>
    <t>法人の理解</t>
    <rPh sb="0" eb="2">
      <t>ホウジン</t>
    </rPh>
    <rPh sb="3" eb="5">
      <t>リカイ</t>
    </rPh>
    <phoneticPr fontId="9"/>
  </si>
  <si>
    <t>教育機関との連携</t>
    <rPh sb="0" eb="2">
      <t>キョウイク</t>
    </rPh>
    <rPh sb="2" eb="4">
      <t>キカン</t>
    </rPh>
    <rPh sb="6" eb="8">
      <t>レンケイ</t>
    </rPh>
    <phoneticPr fontId="9"/>
  </si>
  <si>
    <t>看護職員の理解</t>
    <rPh sb="0" eb="2">
      <t>カンゴ</t>
    </rPh>
    <rPh sb="2" eb="4">
      <t>ショクイン</t>
    </rPh>
    <rPh sb="5" eb="7">
      <t>リカイ</t>
    </rPh>
    <phoneticPr fontId="9"/>
  </si>
  <si>
    <t>４．新卒新採用の状況</t>
    <rPh sb="2" eb="4">
      <t>シンソツ</t>
    </rPh>
    <rPh sb="4" eb="7">
      <t>シンサイヨウ</t>
    </rPh>
    <rPh sb="8" eb="10">
      <t>ジョウキョウ</t>
    </rPh>
    <phoneticPr fontId="9"/>
  </si>
  <si>
    <t>R3.4.1付採用</t>
    <rPh sb="6" eb="7">
      <t>ヅ</t>
    </rPh>
    <rPh sb="7" eb="9">
      <t>サイヨウ</t>
    </rPh>
    <phoneticPr fontId="9"/>
  </si>
  <si>
    <t>R3.4.2以降採用</t>
    <rPh sb="6" eb="8">
      <t>イコウ</t>
    </rPh>
    <rPh sb="8" eb="10">
      <t>サイヨウ</t>
    </rPh>
    <phoneticPr fontId="9"/>
  </si>
  <si>
    <t>５．職員確保</t>
    <rPh sb="2" eb="4">
      <t>ショクイン</t>
    </rPh>
    <rPh sb="4" eb="6">
      <t>カクホ</t>
    </rPh>
    <phoneticPr fontId="9"/>
  </si>
  <si>
    <t>（１）採用に利用した方法と人数</t>
    <rPh sb="3" eb="5">
      <t>サイヨウ</t>
    </rPh>
    <rPh sb="6" eb="8">
      <t>リヨウ</t>
    </rPh>
    <rPh sb="10" eb="12">
      <t>ホウホウ</t>
    </rPh>
    <rPh sb="13" eb="15">
      <t>ニンズウ</t>
    </rPh>
    <phoneticPr fontId="9"/>
  </si>
  <si>
    <t>採用媒体</t>
    <rPh sb="0" eb="2">
      <t>サイヨウ</t>
    </rPh>
    <rPh sb="2" eb="4">
      <t>バイタイ</t>
    </rPh>
    <phoneticPr fontId="10"/>
  </si>
  <si>
    <t>自施設採用</t>
    <rPh sb="0" eb="1">
      <t>ジ</t>
    </rPh>
    <rPh sb="1" eb="3">
      <t>シセツ</t>
    </rPh>
    <rPh sb="3" eb="5">
      <t>サイヨウ</t>
    </rPh>
    <phoneticPr fontId="10"/>
  </si>
  <si>
    <t>自施設のホームページ</t>
    <rPh sb="0" eb="1">
      <t>ジ</t>
    </rPh>
    <rPh sb="1" eb="3">
      <t>シセツ</t>
    </rPh>
    <phoneticPr fontId="10"/>
  </si>
  <si>
    <t>職員の紹介</t>
    <rPh sb="0" eb="2">
      <t>ショクイン</t>
    </rPh>
    <rPh sb="3" eb="5">
      <t>ショウカイ</t>
    </rPh>
    <phoneticPr fontId="10"/>
  </si>
  <si>
    <t>地域医療機関との連携・紹介</t>
    <rPh sb="0" eb="2">
      <t>チイキ</t>
    </rPh>
    <rPh sb="2" eb="4">
      <t>イリョウ</t>
    </rPh>
    <rPh sb="4" eb="6">
      <t>キカン</t>
    </rPh>
    <rPh sb="8" eb="10">
      <t>レンケイ</t>
    </rPh>
    <rPh sb="11" eb="13">
      <t>ショウカイ</t>
    </rPh>
    <phoneticPr fontId="10"/>
  </si>
  <si>
    <t>系列からの異動</t>
    <rPh sb="0" eb="2">
      <t>ケイレツ</t>
    </rPh>
    <rPh sb="5" eb="7">
      <t>イドウ</t>
    </rPh>
    <phoneticPr fontId="10"/>
  </si>
  <si>
    <t>求人広告・情報誌（電子・紙）</t>
    <rPh sb="0" eb="2">
      <t>キュウジン</t>
    </rPh>
    <rPh sb="2" eb="4">
      <t>コウコク</t>
    </rPh>
    <rPh sb="5" eb="8">
      <t>ジョウホウシ</t>
    </rPh>
    <rPh sb="9" eb="11">
      <t>デンシ</t>
    </rPh>
    <rPh sb="12" eb="13">
      <t>カミ</t>
    </rPh>
    <phoneticPr fontId="10"/>
  </si>
  <si>
    <t>退職後再雇用</t>
    <rPh sb="0" eb="3">
      <t>タイショクゴ</t>
    </rPh>
    <rPh sb="3" eb="6">
      <t>サイコヨウ</t>
    </rPh>
    <phoneticPr fontId="10"/>
  </si>
  <si>
    <t>学校への求人活動</t>
    <rPh sb="0" eb="2">
      <t>ガッコウ</t>
    </rPh>
    <rPh sb="4" eb="6">
      <t>キュウジン</t>
    </rPh>
    <rPh sb="6" eb="8">
      <t>カツドウ</t>
    </rPh>
    <phoneticPr fontId="10"/>
  </si>
  <si>
    <t>その他</t>
    <rPh sb="2" eb="3">
      <t>ホカ</t>
    </rPh>
    <phoneticPr fontId="10"/>
  </si>
  <si>
    <t>無料職業
紹介所</t>
    <rPh sb="0" eb="2">
      <t>ムリョウ</t>
    </rPh>
    <rPh sb="2" eb="4">
      <t>ショクギョウ</t>
    </rPh>
    <rPh sb="5" eb="7">
      <t>ショウカイ</t>
    </rPh>
    <rPh sb="7" eb="8">
      <t>ジョ</t>
    </rPh>
    <phoneticPr fontId="10"/>
  </si>
  <si>
    <t>ナースセンター</t>
    <phoneticPr fontId="10"/>
  </si>
  <si>
    <t>有料職業紹介所</t>
    <rPh sb="0" eb="2">
      <t>ユウリョウ</t>
    </rPh>
    <rPh sb="2" eb="4">
      <t>ショクギョウ</t>
    </rPh>
    <rPh sb="4" eb="6">
      <t>ショウカイ</t>
    </rPh>
    <rPh sb="6" eb="7">
      <t>ジョ</t>
    </rPh>
    <phoneticPr fontId="10"/>
  </si>
  <si>
    <t>ハローワーク</t>
    <phoneticPr fontId="10"/>
  </si>
  <si>
    <t>採用人数</t>
    <rPh sb="0" eb="2">
      <t>サイヨウ</t>
    </rPh>
    <rPh sb="2" eb="4">
      <t>ニンズウ</t>
    </rPh>
    <phoneticPr fontId="10"/>
  </si>
  <si>
    <t>利用したと回答した施設数</t>
    <rPh sb="0" eb="2">
      <t>リヨウ</t>
    </rPh>
    <rPh sb="5" eb="7">
      <t>カイトウ</t>
    </rPh>
    <rPh sb="9" eb="11">
      <t>シセツ</t>
    </rPh>
    <rPh sb="11" eb="12">
      <t>スウ</t>
    </rPh>
    <phoneticPr fontId="10"/>
  </si>
  <si>
    <t>（２）ナースセンターについて</t>
    <phoneticPr fontId="9"/>
  </si>
  <si>
    <t>知らない</t>
    <rPh sb="0" eb="1">
      <t>シ</t>
    </rPh>
    <phoneticPr fontId="9"/>
  </si>
  <si>
    <t>利用方法が分からない</t>
    <rPh sb="0" eb="2">
      <t>リヨウ</t>
    </rPh>
    <rPh sb="2" eb="4">
      <t>ホウホウ</t>
    </rPh>
    <rPh sb="5" eb="6">
      <t>ワ</t>
    </rPh>
    <phoneticPr fontId="9"/>
  </si>
  <si>
    <t>遠方</t>
    <rPh sb="0" eb="2">
      <t>エンポウ</t>
    </rPh>
    <phoneticPr fontId="9"/>
  </si>
  <si>
    <t>手続が複雑</t>
    <rPh sb="0" eb="2">
      <t>テツヅキ</t>
    </rPh>
    <rPh sb="3" eb="5">
      <t>フクザツ</t>
    </rPh>
    <phoneticPr fontId="9"/>
  </si>
  <si>
    <t>紹介がない</t>
    <rPh sb="0" eb="2">
      <t>ショウカイ</t>
    </rPh>
    <phoneticPr fontId="9"/>
  </si>
  <si>
    <t>紹介あったが採用せず</t>
    <rPh sb="0" eb="2">
      <t>ショウカイ</t>
    </rPh>
    <rPh sb="6" eb="8">
      <t>サイヨウ</t>
    </rPh>
    <phoneticPr fontId="9"/>
  </si>
  <si>
    <t>急いでいた</t>
    <rPh sb="0" eb="1">
      <t>イソ</t>
    </rPh>
    <phoneticPr fontId="9"/>
  </si>
  <si>
    <t>自施設採用</t>
    <rPh sb="0" eb="1">
      <t>ジ</t>
    </rPh>
    <rPh sb="1" eb="3">
      <t>シセツ</t>
    </rPh>
    <rPh sb="3" eb="5">
      <t>サイヨウ</t>
    </rPh>
    <phoneticPr fontId="9"/>
  </si>
  <si>
    <t>その他の内訳</t>
    <rPh sb="2" eb="3">
      <t>ホカ</t>
    </rPh>
    <rPh sb="4" eb="6">
      <t>ウチワケ</t>
    </rPh>
    <phoneticPr fontId="9"/>
  </si>
  <si>
    <t>６．令和４年度　採用状況</t>
    <rPh sb="2" eb="4">
      <t>レイワ</t>
    </rPh>
    <rPh sb="5" eb="7">
      <t>ネンド</t>
    </rPh>
    <rPh sb="6" eb="7">
      <t>ド</t>
    </rPh>
    <rPh sb="8" eb="10">
      <t>サイヨウ</t>
    </rPh>
    <rPh sb="10" eb="12">
      <t>ジョウキョウ</t>
    </rPh>
    <phoneticPr fontId="9"/>
  </si>
  <si>
    <t>（１）入所定員数別採用状況</t>
    <rPh sb="3" eb="5">
      <t>ニュウショ</t>
    </rPh>
    <rPh sb="5" eb="7">
      <t>テイイン</t>
    </rPh>
    <rPh sb="7" eb="8">
      <t>スウ</t>
    </rPh>
    <rPh sb="8" eb="9">
      <t>ベツ</t>
    </rPh>
    <rPh sb="9" eb="11">
      <t>サイヨウ</t>
    </rPh>
    <rPh sb="11" eb="13">
      <t>ジョウキョウ</t>
    </rPh>
    <phoneticPr fontId="9"/>
  </si>
  <si>
    <t>（２）二次医療圏別採用状況</t>
    <rPh sb="3" eb="5">
      <t>ニジ</t>
    </rPh>
    <rPh sb="5" eb="7">
      <t>イリョウ</t>
    </rPh>
    <rPh sb="7" eb="8">
      <t>ケン</t>
    </rPh>
    <rPh sb="8" eb="9">
      <t>ベツ</t>
    </rPh>
    <rPh sb="9" eb="11">
      <t>サイヨウ</t>
    </rPh>
    <rPh sb="11" eb="13">
      <t>ジョウキョウ</t>
    </rPh>
    <phoneticPr fontId="9"/>
  </si>
  <si>
    <t>確保率</t>
    <rPh sb="0" eb="2">
      <t>カクホ</t>
    </rPh>
    <rPh sb="2" eb="3">
      <t>リツ</t>
    </rPh>
    <phoneticPr fontId="10"/>
  </si>
  <si>
    <t>必要数（人）</t>
    <rPh sb="0" eb="3">
      <t>ヒツヨウスウ</t>
    </rPh>
    <rPh sb="4" eb="5">
      <t>ニン</t>
    </rPh>
    <phoneticPr fontId="10"/>
  </si>
  <si>
    <t>回答施設数*</t>
    <rPh sb="0" eb="2">
      <t>カイトウ</t>
    </rPh>
    <rPh sb="2" eb="4">
      <t>シセツ</t>
    </rPh>
    <rPh sb="4" eb="5">
      <t>スウ</t>
    </rPh>
    <phoneticPr fontId="9"/>
  </si>
  <si>
    <t>（１）　特定行為研修の修了者等</t>
    <rPh sb="4" eb="6">
      <t>トクテイ</t>
    </rPh>
    <rPh sb="6" eb="8">
      <t>コウイ</t>
    </rPh>
    <rPh sb="8" eb="10">
      <t>ケンシュウ</t>
    </rPh>
    <rPh sb="11" eb="14">
      <t>シュウリョウシャ</t>
    </rPh>
    <rPh sb="14" eb="15">
      <t>トウ</t>
    </rPh>
    <phoneticPr fontId="9"/>
  </si>
  <si>
    <t>※複数回答可</t>
    <rPh sb="1" eb="3">
      <t>フクスウ</t>
    </rPh>
    <rPh sb="3" eb="5">
      <t>カイトウ</t>
    </rPh>
    <rPh sb="5" eb="6">
      <t>カ</t>
    </rPh>
    <phoneticPr fontId="10"/>
  </si>
  <si>
    <t>　　　特定行為区分の名称</t>
    <rPh sb="3" eb="5">
      <t>トクテイ</t>
    </rPh>
    <rPh sb="5" eb="7">
      <t>コウイ</t>
    </rPh>
    <rPh sb="7" eb="9">
      <t>クブン</t>
    </rPh>
    <rPh sb="10" eb="12">
      <t>メイショウ</t>
    </rPh>
    <phoneticPr fontId="11"/>
  </si>
  <si>
    <t>栄養に係るカテーテル管理（末梢留置型中心静脈注射用カテーテル管理）関連</t>
    <phoneticPr fontId="11"/>
  </si>
  <si>
    <t>術後疼痛管理関連</t>
    <rPh sb="2" eb="3">
      <t>トウ</t>
    </rPh>
    <phoneticPr fontId="11"/>
  </si>
  <si>
    <t>合計（延べ）</t>
    <rPh sb="0" eb="2">
      <t>ゴウケイ</t>
    </rPh>
    <rPh sb="3" eb="4">
      <t>ノ</t>
    </rPh>
    <phoneticPr fontId="11"/>
  </si>
  <si>
    <t>７．特定行為研修</t>
    <rPh sb="2" eb="4">
      <t>トクテイ</t>
    </rPh>
    <rPh sb="4" eb="6">
      <t>コウイ</t>
    </rPh>
    <rPh sb="6" eb="8">
      <t>ケンシュウ</t>
    </rPh>
    <phoneticPr fontId="9"/>
  </si>
  <si>
    <t>回答施設数</t>
    <rPh sb="0" eb="2">
      <t>カイトウ</t>
    </rPh>
    <rPh sb="2" eb="4">
      <t>シセツ</t>
    </rPh>
    <rPh sb="4" eb="5">
      <t>スウ</t>
    </rPh>
    <phoneticPr fontId="10"/>
  </si>
  <si>
    <t>いると回答した施設の割合</t>
    <rPh sb="3" eb="5">
      <t>カイトウ</t>
    </rPh>
    <rPh sb="7" eb="9">
      <t>シセツ</t>
    </rPh>
    <rPh sb="10" eb="12">
      <t>ワリアイ</t>
    </rPh>
    <phoneticPr fontId="10"/>
  </si>
  <si>
    <t>R5以降受講予定</t>
    <rPh sb="2" eb="4">
      <t>イコウ</t>
    </rPh>
    <rPh sb="4" eb="6">
      <t>ジュコウ</t>
    </rPh>
    <rPh sb="6" eb="8">
      <t>ヨテイ</t>
    </rPh>
    <phoneticPr fontId="10"/>
  </si>
  <si>
    <t>理解が得られない</t>
    <rPh sb="0" eb="2">
      <t>リカイ</t>
    </rPh>
    <rPh sb="3" eb="4">
      <t>エ</t>
    </rPh>
    <phoneticPr fontId="10"/>
  </si>
  <si>
    <t>人員不足</t>
    <rPh sb="0" eb="2">
      <t>ジンイン</t>
    </rPh>
    <rPh sb="2" eb="4">
      <t>ブソク</t>
    </rPh>
    <phoneticPr fontId="10"/>
  </si>
  <si>
    <t>希望者がいない</t>
    <rPh sb="0" eb="3">
      <t>キボウシャ</t>
    </rPh>
    <phoneticPr fontId="10"/>
  </si>
  <si>
    <t>配置を考えていない</t>
    <rPh sb="0" eb="2">
      <t>ハイチ</t>
    </rPh>
    <rPh sb="3" eb="4">
      <t>カンガ</t>
    </rPh>
    <phoneticPr fontId="10"/>
  </si>
  <si>
    <t>経費が高額</t>
    <rPh sb="0" eb="2">
      <t>ケイヒ</t>
    </rPh>
    <rPh sb="3" eb="5">
      <t>コウガク</t>
    </rPh>
    <phoneticPr fontId="10"/>
  </si>
  <si>
    <t>補助があれば検討</t>
    <rPh sb="0" eb="2">
      <t>ホジョ</t>
    </rPh>
    <rPh sb="6" eb="8">
      <t>ケントウ</t>
    </rPh>
    <phoneticPr fontId="10"/>
  </si>
  <si>
    <t>老健</t>
    <rPh sb="0" eb="2">
      <t>ロウケン</t>
    </rPh>
    <phoneticPr fontId="10"/>
  </si>
  <si>
    <t>特養</t>
    <rPh sb="0" eb="2">
      <t>トクヨウ</t>
    </rPh>
    <phoneticPr fontId="10"/>
  </si>
  <si>
    <t>（３）研修修了者の特定行為区分別人数</t>
    <rPh sb="3" eb="5">
      <t>ケンシュウ</t>
    </rPh>
    <rPh sb="5" eb="8">
      <t>シュウリョウシャ</t>
    </rPh>
    <rPh sb="9" eb="11">
      <t>トクテイ</t>
    </rPh>
    <rPh sb="11" eb="13">
      <t>コウイ</t>
    </rPh>
    <rPh sb="13" eb="15">
      <t>クブン</t>
    </rPh>
    <rPh sb="15" eb="16">
      <t>ベツ</t>
    </rPh>
    <rPh sb="16" eb="18">
      <t>ニンズウ</t>
    </rPh>
    <phoneticPr fontId="9"/>
  </si>
  <si>
    <t>老健</t>
    <rPh sb="0" eb="2">
      <t>ロウケン</t>
    </rPh>
    <phoneticPr fontId="10"/>
  </si>
  <si>
    <t>特養</t>
    <rPh sb="0" eb="2">
      <t>トクヨウ</t>
    </rPh>
    <phoneticPr fontId="11"/>
  </si>
  <si>
    <t>合計（人）</t>
    <rPh sb="0" eb="2">
      <t>ゴウケイ</t>
    </rPh>
    <rPh sb="3" eb="4">
      <t>ニン</t>
    </rPh>
    <phoneticPr fontId="11"/>
  </si>
  <si>
    <t>老健</t>
    <rPh sb="0" eb="2">
      <t>ロウケン</t>
    </rPh>
    <phoneticPr fontId="9"/>
  </si>
  <si>
    <t>特養</t>
    <rPh sb="0" eb="2">
      <t>トクヨウ</t>
    </rPh>
    <phoneticPr fontId="9"/>
  </si>
  <si>
    <t>（３）二次医療圏別採用状況</t>
    <rPh sb="3" eb="5">
      <t>ニジ</t>
    </rPh>
    <rPh sb="5" eb="7">
      <t>イリョウ</t>
    </rPh>
    <rPh sb="7" eb="8">
      <t>ケン</t>
    </rPh>
    <rPh sb="8" eb="9">
      <t>ベツ</t>
    </rPh>
    <rPh sb="9" eb="11">
      <t>サイヨウ</t>
    </rPh>
    <rPh sb="11" eb="13">
      <t>ジョウキョウ</t>
    </rPh>
    <phoneticPr fontId="9"/>
  </si>
  <si>
    <t>（４）令和３年度 採用者の未就業期間</t>
    <rPh sb="3" eb="5">
      <t>レイワ</t>
    </rPh>
    <rPh sb="6" eb="8">
      <t>ネンド</t>
    </rPh>
    <rPh sb="8" eb="10">
      <t>ヘイネンド</t>
    </rPh>
    <rPh sb="9" eb="11">
      <t>サイヨウ</t>
    </rPh>
    <rPh sb="11" eb="12">
      <t>シャ</t>
    </rPh>
    <rPh sb="13" eb="16">
      <t>ミシュウギョウ</t>
    </rPh>
    <rPh sb="16" eb="18">
      <t>キカン</t>
    </rPh>
    <phoneticPr fontId="9"/>
  </si>
  <si>
    <t>（１）老健：自施設採用その他の具体的内容</t>
    <rPh sb="3" eb="5">
      <t>ロウケン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（１）特養：自施設採用その他の具体的内容</t>
    <rPh sb="3" eb="5">
      <t>トクヨウ</t>
    </rPh>
    <rPh sb="6" eb="11">
      <t>ジシセツサイヨウ</t>
    </rPh>
    <rPh sb="13" eb="14">
      <t>ホカ</t>
    </rPh>
    <rPh sb="15" eb="18">
      <t>グタイテキ</t>
    </rPh>
    <rPh sb="18" eb="20">
      <t>ナイヨウ</t>
    </rPh>
    <phoneticPr fontId="9"/>
  </si>
  <si>
    <t>（２）－１　特定行為研修受講者がいない理由</t>
    <rPh sb="6" eb="8">
      <t>トクテイ</t>
    </rPh>
    <rPh sb="8" eb="10">
      <t>コウイ</t>
    </rPh>
    <rPh sb="10" eb="12">
      <t>ケンシュウ</t>
    </rPh>
    <rPh sb="12" eb="15">
      <t>ジュコウシャ</t>
    </rPh>
    <rPh sb="19" eb="21">
      <t>リユウ</t>
    </rPh>
    <phoneticPr fontId="10"/>
  </si>
  <si>
    <t>（２）－２　いない理由のうち　その他の具体的内容</t>
    <rPh sb="9" eb="11">
      <t>リユウ</t>
    </rPh>
    <rPh sb="17" eb="18">
      <t>ホカ</t>
    </rPh>
    <rPh sb="19" eb="22">
      <t>グタイテキ</t>
    </rPh>
    <rPh sb="22" eb="24">
      <t>ナイヨウ</t>
    </rPh>
    <phoneticPr fontId="10"/>
  </si>
  <si>
    <t>老健</t>
    <rPh sb="0" eb="2">
      <t>ロウケン</t>
    </rPh>
    <phoneticPr fontId="9"/>
  </si>
  <si>
    <t>-</t>
    <phoneticPr fontId="9"/>
  </si>
  <si>
    <t>（２）新人看護職員ガイドラインに沿った研修の実施　</t>
    <rPh sb="3" eb="5">
      <t>シンジン</t>
    </rPh>
    <rPh sb="5" eb="7">
      <t>カンゴ</t>
    </rPh>
    <rPh sb="7" eb="9">
      <t>ショクイン</t>
    </rPh>
    <rPh sb="16" eb="17">
      <t>ソ</t>
    </rPh>
    <rPh sb="19" eb="21">
      <t>ケンシュウ</t>
    </rPh>
    <rPh sb="22" eb="24">
      <t>ジッシ</t>
    </rPh>
    <phoneticPr fontId="9"/>
  </si>
  <si>
    <t>※新卒職員の採用があった施設</t>
  </si>
  <si>
    <t>（３）今後の新卒者採用方針　</t>
    <rPh sb="3" eb="5">
      <t>コンゴ</t>
    </rPh>
    <rPh sb="6" eb="8">
      <t>シンソツ</t>
    </rPh>
    <rPh sb="8" eb="9">
      <t>シャ</t>
    </rPh>
    <rPh sb="9" eb="11">
      <t>サイヨウ</t>
    </rPh>
    <rPh sb="11" eb="13">
      <t>ホウシン</t>
    </rPh>
    <phoneticPr fontId="9"/>
  </si>
  <si>
    <t>※すべての施設</t>
  </si>
  <si>
    <t>※すべての施設、複数回答あり</t>
    <rPh sb="5" eb="7">
      <t>シセツ</t>
    </rPh>
    <rPh sb="8" eb="10">
      <t>フクスウ</t>
    </rPh>
    <rPh sb="10" eb="12">
      <t>カイトウ</t>
    </rPh>
    <phoneticPr fontId="9"/>
  </si>
  <si>
    <t>実施していない</t>
    <rPh sb="0" eb="2">
      <t>ジッシ</t>
    </rPh>
    <phoneticPr fontId="9"/>
  </si>
  <si>
    <t>未回答</t>
    <rPh sb="0" eb="3">
      <t>ミカイトウ</t>
    </rPh>
    <phoneticPr fontId="9"/>
  </si>
  <si>
    <t>その他</t>
    <rPh sb="2" eb="3">
      <t>ホカ</t>
    </rPh>
    <phoneticPr fontId="9"/>
  </si>
  <si>
    <t>欠員がある場合は検討する</t>
    <phoneticPr fontId="9"/>
  </si>
  <si>
    <t>実習で来てもほとんどが病院に就職している</t>
    <rPh sb="11" eb="13">
      <t>ビョウイン</t>
    </rPh>
    <phoneticPr fontId="9"/>
  </si>
  <si>
    <t>職種</t>
    <rPh sb="0" eb="2">
      <t>ショクシュ</t>
    </rPh>
    <phoneticPr fontId="9"/>
  </si>
  <si>
    <t>回答合計</t>
    <rPh sb="0" eb="2">
      <t>カイトウ</t>
    </rPh>
    <rPh sb="2" eb="4">
      <t>ゴウケイ</t>
    </rPh>
    <phoneticPr fontId="9"/>
  </si>
  <si>
    <t>回答合計</t>
    <rPh sb="0" eb="2">
      <t>カイトウ</t>
    </rPh>
    <rPh sb="2" eb="4">
      <t>ゴウケイ</t>
    </rPh>
    <phoneticPr fontId="10"/>
  </si>
  <si>
    <t>進学</t>
    <rPh sb="0" eb="2">
      <t>シンガク</t>
    </rPh>
    <phoneticPr fontId="9"/>
  </si>
  <si>
    <t>訪問看護ステーション</t>
    <rPh sb="0" eb="2">
      <t>ホウモン</t>
    </rPh>
    <rPh sb="2" eb="4">
      <t>カンゴ</t>
    </rPh>
    <phoneticPr fontId="9"/>
  </si>
  <si>
    <t>-</t>
    <phoneticPr fontId="9"/>
  </si>
  <si>
    <t>R3年度までの受講修了者</t>
    <rPh sb="2" eb="4">
      <t>ネンド</t>
    </rPh>
    <rPh sb="7" eb="9">
      <t>ジュコウ</t>
    </rPh>
    <rPh sb="9" eb="12">
      <t>シュウリョウシャ</t>
    </rPh>
    <phoneticPr fontId="10"/>
  </si>
  <si>
    <t>情報収集中</t>
    <rPh sb="0" eb="2">
      <t>ジョウホウ</t>
    </rPh>
    <rPh sb="2" eb="4">
      <t>シュウシュウ</t>
    </rPh>
    <rPh sb="4" eb="5">
      <t>チュウ</t>
    </rPh>
    <phoneticPr fontId="10"/>
  </si>
  <si>
    <t>修了者等*のいる施設</t>
    <rPh sb="0" eb="3">
      <t>シュウリョウシャ</t>
    </rPh>
    <rPh sb="3" eb="4">
      <t>トウ</t>
    </rPh>
    <rPh sb="8" eb="10">
      <t>シセツ</t>
    </rPh>
    <phoneticPr fontId="10"/>
  </si>
  <si>
    <t>*R3年度までの修了者およびR4年度受講中者のいる施設（受講予定者は含まない）</t>
    <rPh sb="3" eb="5">
      <t>ネンド</t>
    </rPh>
    <rPh sb="8" eb="11">
      <t>シュウリョウシャ</t>
    </rPh>
    <rPh sb="16" eb="18">
      <t>ネンド</t>
    </rPh>
    <rPh sb="18" eb="21">
      <t>ジュコウチュウ</t>
    </rPh>
    <rPh sb="21" eb="22">
      <t>シャ</t>
    </rPh>
    <rPh sb="25" eb="27">
      <t>シセツ</t>
    </rPh>
    <rPh sb="28" eb="30">
      <t>ジュコウ</t>
    </rPh>
    <rPh sb="30" eb="32">
      <t>ヨテイ</t>
    </rPh>
    <rPh sb="32" eb="33">
      <t>シャ</t>
    </rPh>
    <rPh sb="34" eb="35">
      <t>フク</t>
    </rPh>
    <phoneticPr fontId="10"/>
  </si>
  <si>
    <t>R4受講中</t>
    <rPh sb="2" eb="4">
      <t>ジュコウ</t>
    </rPh>
    <rPh sb="4" eb="5">
      <t>チュウ</t>
    </rPh>
    <phoneticPr fontId="10"/>
  </si>
  <si>
    <t>*回答のあった施設数のうち必要0採用0の施設を除いた件数</t>
    <rPh sb="1" eb="3">
      <t>カイトウ</t>
    </rPh>
    <rPh sb="7" eb="9">
      <t>シセツ</t>
    </rPh>
    <rPh sb="9" eb="10">
      <t>スウ</t>
    </rPh>
    <rPh sb="13" eb="15">
      <t>ヒツヨウ</t>
    </rPh>
    <rPh sb="16" eb="18">
      <t>サイヨウ</t>
    </rPh>
    <rPh sb="20" eb="22">
      <t>シセツ</t>
    </rPh>
    <rPh sb="23" eb="24">
      <t>ノゾ</t>
    </rPh>
    <rPh sb="26" eb="28">
      <t>ケンスウ</t>
    </rPh>
    <phoneticPr fontId="9"/>
  </si>
  <si>
    <t>加算があれば検討</t>
    <rPh sb="0" eb="2">
      <t>カサン</t>
    </rPh>
    <rPh sb="6" eb="8">
      <t>ケントウ</t>
    </rPh>
    <phoneticPr fontId="4"/>
  </si>
  <si>
    <t>制度を知らない</t>
    <rPh sb="0" eb="2">
      <t>セイド</t>
    </rPh>
    <rPh sb="3" eb="4">
      <t>シ</t>
    </rPh>
    <phoneticPr fontId="4"/>
  </si>
  <si>
    <t>新型コロナウイルス感染症の影響</t>
    <rPh sb="0" eb="2">
      <t>シンガタ</t>
    </rPh>
    <rPh sb="9" eb="12">
      <t>カンセンショウ</t>
    </rPh>
    <rPh sb="13" eb="15">
      <t>エイキョウ</t>
    </rPh>
    <phoneticPr fontId="4"/>
  </si>
  <si>
    <t>派遣会社</t>
    <rPh sb="0" eb="2">
      <t>ハケン</t>
    </rPh>
    <rPh sb="2" eb="4">
      <t>カイシャ</t>
    </rPh>
    <phoneticPr fontId="9"/>
  </si>
  <si>
    <t>直接応募</t>
    <rPh sb="0" eb="2">
      <t>チョクセツ</t>
    </rPh>
    <rPh sb="2" eb="4">
      <t>オウボ</t>
    </rPh>
    <phoneticPr fontId="9"/>
  </si>
  <si>
    <t>知人の紹介</t>
    <rPh sb="0" eb="2">
      <t>チジン</t>
    </rPh>
    <rPh sb="3" eb="5">
      <t>ショウカイ</t>
    </rPh>
    <phoneticPr fontId="9"/>
  </si>
  <si>
    <t>その他</t>
    <rPh sb="2" eb="3">
      <t>ホカ</t>
    </rPh>
    <phoneticPr fontId="9"/>
  </si>
  <si>
    <t>過去に利用したが紹介がなかった</t>
    <rPh sb="0" eb="2">
      <t>カコ</t>
    </rPh>
    <rPh sb="3" eb="5">
      <t>リヨウ</t>
    </rPh>
    <rPh sb="8" eb="10">
      <t>ショウカイ</t>
    </rPh>
    <phoneticPr fontId="4"/>
  </si>
  <si>
    <t>知っているが利用していない</t>
    <rPh sb="0" eb="1">
      <t>シ</t>
    </rPh>
    <rPh sb="6" eb="8">
      <t>リヨウ</t>
    </rPh>
    <phoneticPr fontId="4"/>
  </si>
  <si>
    <t>法人の都合（内部手続等）</t>
    <rPh sb="0" eb="2">
      <t>ホウジン</t>
    </rPh>
    <rPh sb="3" eb="5">
      <t>ツゴウ</t>
    </rPh>
    <rPh sb="6" eb="8">
      <t>ナイブ</t>
    </rPh>
    <rPh sb="8" eb="10">
      <t>テツヅキ</t>
    </rPh>
    <rPh sb="10" eb="11">
      <t>トウ</t>
    </rPh>
    <phoneticPr fontId="4"/>
  </si>
  <si>
    <t>その他</t>
    <rPh sb="2" eb="3">
      <t>ホカ</t>
    </rPh>
    <phoneticPr fontId="4"/>
  </si>
  <si>
    <t>なし</t>
    <phoneticPr fontId="9"/>
  </si>
  <si>
    <t>-</t>
  </si>
  <si>
    <t>入所者に対象者がおらず必要性がない</t>
  </si>
  <si>
    <t>特定行為を必要とするケアがない</t>
    <rPh sb="0" eb="2">
      <t>トクテイ</t>
    </rPh>
    <rPh sb="2" eb="4">
      <t>コウイ</t>
    </rPh>
    <rPh sb="5" eb="7">
      <t>ヒツヨウ</t>
    </rPh>
    <phoneticPr fontId="4"/>
  </si>
  <si>
    <t>-</t>
    <phoneticPr fontId="9"/>
  </si>
  <si>
    <t>（１）退職理由</t>
    <rPh sb="3" eb="5">
      <t>タイショク</t>
    </rPh>
    <rPh sb="5" eb="7">
      <t>リユウ</t>
    </rPh>
    <phoneticPr fontId="9"/>
  </si>
  <si>
    <t>（２）退職後の進路</t>
    <rPh sb="3" eb="6">
      <t>タイショクゴ</t>
    </rPh>
    <rPh sb="7" eb="9">
      <t>シンロ</t>
    </rPh>
    <phoneticPr fontId="9"/>
  </si>
  <si>
    <t>（３）　（２）退職後の進路　において「県内に就職が決定している」と回答した人の就職先内訳</t>
    <rPh sb="7" eb="10">
      <t>タイショクゴ</t>
    </rPh>
    <rPh sb="11" eb="13">
      <t>シンロ</t>
    </rPh>
    <rPh sb="19" eb="21">
      <t>ケンナイ</t>
    </rPh>
    <rPh sb="22" eb="24">
      <t>シュウショク</t>
    </rPh>
    <rPh sb="25" eb="27">
      <t>ケッテイ</t>
    </rPh>
    <rPh sb="33" eb="35">
      <t>カイトウ</t>
    </rPh>
    <rPh sb="37" eb="38">
      <t>ニン</t>
    </rPh>
    <rPh sb="39" eb="41">
      <t>シュウショク</t>
    </rPh>
    <rPh sb="41" eb="42">
      <t>サキ</t>
    </rPh>
    <rPh sb="42" eb="44">
      <t>ウチワケ</t>
    </rPh>
    <phoneticPr fontId="9"/>
  </si>
  <si>
    <t>1施設</t>
    <rPh sb="1" eb="3">
      <t>シセツ</t>
    </rPh>
    <phoneticPr fontId="9"/>
  </si>
  <si>
    <t>2施設</t>
    <rPh sb="1" eb="3">
      <t>シセツ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.0%"/>
    <numFmt numFmtId="177" formatCode="#,##0.0;[Red]\-#,##0.0"/>
  </numFmts>
  <fonts count="21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11"/>
      <name val="ＭＳ Ｐ明朝"/>
      <family val="1"/>
      <charset val="128"/>
    </font>
    <font>
      <b/>
      <sz val="12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4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 style="medium">
        <color indexed="64"/>
      </bottom>
      <diagonal/>
    </border>
    <border>
      <left style="double">
        <color indexed="64"/>
      </left>
      <right style="medium">
        <color indexed="64"/>
      </right>
      <top/>
      <bottom/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 style="thick">
        <color indexed="64"/>
      </bottom>
      <diagonal/>
    </border>
    <border>
      <left style="medium">
        <color indexed="64"/>
      </left>
      <right/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auto="1"/>
      </left>
      <right style="double">
        <color auto="1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ck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auto="1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</borders>
  <cellStyleXfs count="14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  <xf numFmtId="9" fontId="8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7" fillId="0" borderId="0">
      <alignment vertical="center"/>
    </xf>
    <xf numFmtId="9" fontId="7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5" fillId="0" borderId="0">
      <alignment vertical="center"/>
    </xf>
    <xf numFmtId="0" fontId="8" fillId="0" borderId="0">
      <alignment vertical="center"/>
    </xf>
    <xf numFmtId="0" fontId="4" fillId="0" borderId="0">
      <alignment vertical="center"/>
    </xf>
    <xf numFmtId="0" fontId="3" fillId="0" borderId="0">
      <alignment vertical="center"/>
    </xf>
    <xf numFmtId="0" fontId="2" fillId="0" borderId="0">
      <alignment vertical="center"/>
    </xf>
    <xf numFmtId="0" fontId="8" fillId="0" borderId="0"/>
    <xf numFmtId="0" fontId="1" fillId="0" borderId="0">
      <alignment vertical="center"/>
    </xf>
  </cellStyleXfs>
  <cellXfs count="529">
    <xf numFmtId="0" fontId="0" fillId="0" borderId="0" xfId="0">
      <alignment vertical="center"/>
    </xf>
    <xf numFmtId="0" fontId="14" fillId="0" borderId="0" xfId="0" applyFont="1" applyFill="1">
      <alignment vertical="center"/>
    </xf>
    <xf numFmtId="0" fontId="13" fillId="0" borderId="0" xfId="0" applyFont="1" applyFill="1" applyAlignment="1">
      <alignment horizontal="right" vertical="center"/>
    </xf>
    <xf numFmtId="0" fontId="13" fillId="0" borderId="0" xfId="0" applyFont="1" applyFill="1" applyAlignment="1">
      <alignment horizontal="left"/>
    </xf>
    <xf numFmtId="0" fontId="13" fillId="0" borderId="0" xfId="0" applyFont="1" applyFill="1" applyAlignment="1">
      <alignment horizontal="center" vertical="center"/>
    </xf>
    <xf numFmtId="0" fontId="13" fillId="0" borderId="0" xfId="0" applyFont="1" applyFill="1">
      <alignment vertical="center"/>
    </xf>
    <xf numFmtId="0" fontId="13" fillId="0" borderId="0" xfId="0" applyFont="1" applyFill="1" applyAlignment="1">
      <alignment horizontal="left" vertical="center"/>
    </xf>
    <xf numFmtId="0" fontId="14" fillId="0" borderId="0" xfId="0" applyFont="1" applyFill="1" applyAlignment="1">
      <alignment horizontal="left" vertical="center"/>
    </xf>
    <xf numFmtId="0" fontId="14" fillId="0" borderId="47" xfId="0" applyFont="1" applyFill="1" applyBorder="1" applyAlignment="1">
      <alignment horizontal="right" vertical="center"/>
    </xf>
    <xf numFmtId="0" fontId="14" fillId="0" borderId="4" xfId="0" applyFont="1" applyFill="1" applyBorder="1" applyAlignment="1">
      <alignment horizontal="center" vertical="center"/>
    </xf>
    <xf numFmtId="38" fontId="14" fillId="0" borderId="3" xfId="1" applyFont="1" applyFill="1" applyBorder="1">
      <alignment vertical="center"/>
    </xf>
    <xf numFmtId="38" fontId="14" fillId="0" borderId="4" xfId="1" applyFont="1" applyFill="1" applyBorder="1">
      <alignment vertical="center"/>
    </xf>
    <xf numFmtId="176" fontId="14" fillId="0" borderId="17" xfId="2" applyNumberFormat="1" applyFont="1" applyFill="1" applyBorder="1" applyAlignment="1">
      <alignment horizontal="right" vertical="center"/>
    </xf>
    <xf numFmtId="38" fontId="14" fillId="0" borderId="16" xfId="1" applyFont="1" applyFill="1" applyBorder="1">
      <alignment vertical="center"/>
    </xf>
    <xf numFmtId="0" fontId="14" fillId="0" borderId="7" xfId="0" applyFont="1" applyFill="1" applyBorder="1" applyAlignment="1">
      <alignment horizontal="center" vertical="center"/>
    </xf>
    <xf numFmtId="38" fontId="14" fillId="0" borderId="18" xfId="1" applyFont="1" applyFill="1" applyBorder="1">
      <alignment vertical="center"/>
    </xf>
    <xf numFmtId="0" fontId="14" fillId="0" borderId="13" xfId="0" applyFont="1" applyFill="1" applyBorder="1" applyAlignment="1">
      <alignment horizontal="center" vertical="center"/>
    </xf>
    <xf numFmtId="38" fontId="14" fillId="0" borderId="1" xfId="1" applyFont="1" applyFill="1" applyBorder="1">
      <alignment vertical="center"/>
    </xf>
    <xf numFmtId="0" fontId="14" fillId="0" borderId="50" xfId="0" applyFont="1" applyFill="1" applyBorder="1" applyAlignment="1">
      <alignment horizontal="center" vertical="center"/>
    </xf>
    <xf numFmtId="38" fontId="14" fillId="0" borderId="20" xfId="1" applyFont="1" applyFill="1" applyBorder="1">
      <alignment vertical="center"/>
    </xf>
    <xf numFmtId="38" fontId="14" fillId="0" borderId="22" xfId="1" applyFont="1" applyFill="1" applyBorder="1">
      <alignment vertical="center"/>
    </xf>
    <xf numFmtId="176" fontId="14" fillId="0" borderId="23" xfId="2" applyNumberFormat="1" applyFont="1" applyFill="1" applyBorder="1" applyAlignment="1">
      <alignment horizontal="right" vertical="center"/>
    </xf>
    <xf numFmtId="38" fontId="14" fillId="0" borderId="53" xfId="1" applyFont="1" applyFill="1" applyBorder="1">
      <alignment vertical="center"/>
    </xf>
    <xf numFmtId="176" fontId="14" fillId="0" borderId="59" xfId="2" applyNumberFormat="1" applyFont="1" applyFill="1" applyBorder="1" applyAlignment="1">
      <alignment horizontal="right" vertical="center"/>
    </xf>
    <xf numFmtId="0" fontId="14" fillId="0" borderId="0" xfId="0" applyFont="1" applyFill="1" applyBorder="1" applyAlignment="1">
      <alignment horizontal="center" vertical="center"/>
    </xf>
    <xf numFmtId="38" fontId="14" fillId="0" borderId="0" xfId="1" applyFont="1" applyFill="1" applyBorder="1">
      <alignment vertical="center"/>
    </xf>
    <xf numFmtId="176" fontId="14" fillId="0" borderId="0" xfId="2" applyNumberFormat="1" applyFont="1" applyFill="1" applyBorder="1">
      <alignment vertical="center"/>
    </xf>
    <xf numFmtId="0" fontId="14" fillId="0" borderId="0" xfId="0" applyFont="1" applyFill="1" applyAlignment="1">
      <alignment vertical="center" wrapText="1"/>
    </xf>
    <xf numFmtId="176" fontId="14" fillId="0" borderId="14" xfId="2" applyNumberFormat="1" applyFont="1" applyFill="1" applyBorder="1" applyAlignment="1">
      <alignment horizontal="right" vertical="center"/>
    </xf>
    <xf numFmtId="0" fontId="14" fillId="0" borderId="0" xfId="0" applyFont="1" applyFill="1" applyAlignment="1">
      <alignment horizontal="center" vertical="center"/>
    </xf>
    <xf numFmtId="0" fontId="14" fillId="0" borderId="0" xfId="0" applyFont="1" applyFill="1" applyBorder="1" applyAlignment="1">
      <alignment horizontal="right" vertical="center"/>
    </xf>
    <xf numFmtId="38" fontId="14" fillId="0" borderId="44" xfId="1" applyFont="1" applyFill="1" applyBorder="1">
      <alignment vertical="center"/>
    </xf>
    <xf numFmtId="38" fontId="14" fillId="0" borderId="21" xfId="1" applyFont="1" applyFill="1" applyBorder="1">
      <alignment vertical="center"/>
    </xf>
    <xf numFmtId="38" fontId="14" fillId="0" borderId="60" xfId="1" applyFont="1" applyFill="1" applyBorder="1">
      <alignment vertical="center"/>
    </xf>
    <xf numFmtId="0" fontId="14" fillId="0" borderId="17" xfId="0" applyFont="1" applyFill="1" applyBorder="1" applyAlignment="1">
      <alignment horizontal="center" vertical="center"/>
    </xf>
    <xf numFmtId="0" fontId="14" fillId="0" borderId="85" xfId="0" applyFont="1" applyFill="1" applyBorder="1" applyAlignment="1">
      <alignment horizontal="center" vertical="center"/>
    </xf>
    <xf numFmtId="0" fontId="14" fillId="0" borderId="14" xfId="0" applyFont="1" applyFill="1" applyBorder="1" applyAlignment="1">
      <alignment horizontal="center" vertical="center"/>
    </xf>
    <xf numFmtId="0" fontId="14" fillId="0" borderId="100" xfId="0" applyFont="1" applyFill="1" applyBorder="1" applyAlignment="1">
      <alignment horizontal="center" vertical="center"/>
    </xf>
    <xf numFmtId="0" fontId="14" fillId="0" borderId="81" xfId="0" applyFont="1" applyFill="1" applyBorder="1" applyAlignment="1">
      <alignment horizontal="center" vertical="center"/>
    </xf>
    <xf numFmtId="0" fontId="14" fillId="0" borderId="23" xfId="0" applyFont="1" applyFill="1" applyBorder="1" applyAlignment="1">
      <alignment horizontal="center" vertical="center"/>
    </xf>
    <xf numFmtId="0" fontId="14" fillId="0" borderId="59" xfId="0" applyFont="1" applyFill="1" applyBorder="1" applyAlignment="1">
      <alignment horizontal="center" vertical="center"/>
    </xf>
    <xf numFmtId="38" fontId="14" fillId="0" borderId="18" xfId="1" applyFont="1" applyFill="1" applyBorder="1" applyAlignment="1">
      <alignment horizontal="right" vertical="center"/>
    </xf>
    <xf numFmtId="38" fontId="14" fillId="0" borderId="75" xfId="1" applyFont="1" applyFill="1" applyBorder="1">
      <alignment vertical="center"/>
    </xf>
    <xf numFmtId="38" fontId="14" fillId="0" borderId="48" xfId="1" applyFont="1" applyFill="1" applyBorder="1">
      <alignment vertical="center"/>
    </xf>
    <xf numFmtId="38" fontId="14" fillId="0" borderId="12" xfId="1" applyFont="1" applyFill="1" applyBorder="1" applyAlignment="1">
      <alignment horizontal="right" vertical="center"/>
    </xf>
    <xf numFmtId="38" fontId="14" fillId="0" borderId="103" xfId="1" applyFont="1" applyFill="1" applyBorder="1" applyAlignment="1">
      <alignment horizontal="right" vertical="center"/>
    </xf>
    <xf numFmtId="38" fontId="14" fillId="0" borderId="49" xfId="1" applyFont="1" applyFill="1" applyBorder="1">
      <alignment vertical="center"/>
    </xf>
    <xf numFmtId="38" fontId="14" fillId="0" borderId="92" xfId="1" applyFont="1" applyFill="1" applyBorder="1" applyAlignment="1">
      <alignment horizontal="right" vertical="center"/>
    </xf>
    <xf numFmtId="38" fontId="14" fillId="0" borderId="0" xfId="1" applyFont="1" applyFill="1" applyBorder="1" applyAlignment="1">
      <alignment horizontal="right" vertical="center"/>
    </xf>
    <xf numFmtId="0" fontId="14" fillId="0" borderId="66" xfId="0" applyFont="1" applyFill="1" applyBorder="1" applyAlignment="1">
      <alignment horizontal="center" vertical="center" wrapText="1"/>
    </xf>
    <xf numFmtId="38" fontId="14" fillId="0" borderId="101" xfId="1" applyFont="1" applyFill="1" applyBorder="1">
      <alignment vertical="center"/>
    </xf>
    <xf numFmtId="38" fontId="14" fillId="0" borderId="102" xfId="1" applyFont="1" applyFill="1" applyBorder="1" applyAlignment="1">
      <alignment horizontal="right" vertical="center"/>
    </xf>
    <xf numFmtId="38" fontId="14" fillId="0" borderId="103" xfId="1" applyFont="1" applyFill="1" applyBorder="1">
      <alignment vertical="center"/>
    </xf>
    <xf numFmtId="38" fontId="14" fillId="0" borderId="102" xfId="1" applyFont="1" applyFill="1" applyBorder="1">
      <alignment vertical="center"/>
    </xf>
    <xf numFmtId="38" fontId="14" fillId="0" borderId="86" xfId="1" applyFont="1" applyFill="1" applyBorder="1">
      <alignment vertical="center"/>
    </xf>
    <xf numFmtId="38" fontId="14" fillId="0" borderId="105" xfId="1" applyFont="1" applyFill="1" applyBorder="1">
      <alignment vertical="center"/>
    </xf>
    <xf numFmtId="38" fontId="14" fillId="0" borderId="101" xfId="1" applyFont="1" applyFill="1" applyBorder="1" applyAlignment="1">
      <alignment horizontal="right" vertical="center"/>
    </xf>
    <xf numFmtId="0" fontId="14" fillId="0" borderId="90" xfId="0" applyFont="1" applyFill="1" applyBorder="1" applyAlignment="1">
      <alignment horizontal="center" vertical="center"/>
    </xf>
    <xf numFmtId="0" fontId="14" fillId="0" borderId="61" xfId="0" applyFont="1" applyFill="1" applyBorder="1" applyAlignment="1">
      <alignment horizontal="center" vertical="center"/>
    </xf>
    <xf numFmtId="0" fontId="14" fillId="0" borderId="80" xfId="0" applyFont="1" applyFill="1" applyBorder="1" applyAlignment="1">
      <alignment horizontal="center" vertical="center"/>
    </xf>
    <xf numFmtId="38" fontId="14" fillId="0" borderId="17" xfId="0" applyNumberFormat="1" applyFont="1" applyFill="1" applyBorder="1" applyAlignment="1">
      <alignment vertical="center"/>
    </xf>
    <xf numFmtId="176" fontId="14" fillId="0" borderId="68" xfId="2" applyNumberFormat="1" applyFont="1" applyFill="1" applyBorder="1" applyAlignment="1">
      <alignment vertical="center"/>
    </xf>
    <xf numFmtId="176" fontId="14" fillId="0" borderId="90" xfId="2" applyNumberFormat="1" applyFont="1" applyFill="1" applyBorder="1" applyAlignment="1">
      <alignment vertical="center"/>
    </xf>
    <xf numFmtId="176" fontId="14" fillId="0" borderId="69" xfId="2" applyNumberFormat="1" applyFont="1" applyFill="1" applyBorder="1" applyAlignment="1">
      <alignment vertical="center"/>
    </xf>
    <xf numFmtId="0" fontId="14" fillId="0" borderId="113" xfId="0" applyFont="1" applyFill="1" applyBorder="1" applyAlignment="1">
      <alignment horizontal="center" vertical="center" wrapText="1"/>
    </xf>
    <xf numFmtId="0" fontId="14" fillId="0" borderId="67" xfId="0" applyFont="1" applyFill="1" applyBorder="1" applyAlignment="1">
      <alignment horizontal="center" vertical="center" wrapText="1"/>
    </xf>
    <xf numFmtId="0" fontId="15" fillId="0" borderId="0" xfId="0" applyFont="1" applyFill="1">
      <alignment vertical="center"/>
    </xf>
    <xf numFmtId="0" fontId="17" fillId="0" borderId="0" xfId="0" applyFont="1" applyFill="1">
      <alignment vertical="center"/>
    </xf>
    <xf numFmtId="0" fontId="15" fillId="0" borderId="0" xfId="0" applyFont="1" applyFill="1" applyAlignment="1">
      <alignment horizontal="center" vertical="center"/>
    </xf>
    <xf numFmtId="0" fontId="14" fillId="0" borderId="112" xfId="0" applyFont="1" applyFill="1" applyBorder="1">
      <alignment vertical="center"/>
    </xf>
    <xf numFmtId="0" fontId="14" fillId="0" borderId="67" xfId="0" applyFont="1" applyFill="1" applyBorder="1" applyAlignment="1">
      <alignment horizontal="center" vertical="center"/>
    </xf>
    <xf numFmtId="0" fontId="14" fillId="0" borderId="66" xfId="0" applyFont="1" applyFill="1" applyBorder="1" applyAlignment="1">
      <alignment horizontal="center" vertical="center"/>
    </xf>
    <xf numFmtId="0" fontId="16" fillId="0" borderId="66" xfId="0" applyFont="1" applyFill="1" applyBorder="1" applyAlignment="1">
      <alignment horizontal="center" vertical="center" wrapText="1"/>
    </xf>
    <xf numFmtId="0" fontId="14" fillId="0" borderId="69" xfId="0" applyFont="1" applyFill="1" applyBorder="1" applyAlignment="1">
      <alignment horizontal="center" vertical="center"/>
    </xf>
    <xf numFmtId="0" fontId="12" fillId="0" borderId="66" xfId="0" applyFont="1" applyFill="1" applyBorder="1" applyAlignment="1">
      <alignment horizontal="center" vertical="center" wrapText="1"/>
    </xf>
    <xf numFmtId="9" fontId="14" fillId="0" borderId="0" xfId="2" applyFont="1" applyFill="1">
      <alignment vertical="center"/>
    </xf>
    <xf numFmtId="0" fontId="12" fillId="0" borderId="66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horizontal="left" vertical="center"/>
    </xf>
    <xf numFmtId="0" fontId="14" fillId="0" borderId="0" xfId="0" applyFont="1" applyFill="1" applyBorder="1">
      <alignment vertical="center"/>
    </xf>
    <xf numFmtId="0" fontId="14" fillId="0" borderId="0" xfId="0" applyFont="1" applyFill="1" applyBorder="1" applyAlignment="1">
      <alignment vertical="center"/>
    </xf>
    <xf numFmtId="0" fontId="14" fillId="0" borderId="4" xfId="0" applyFont="1" applyFill="1" applyBorder="1">
      <alignment vertical="center"/>
    </xf>
    <xf numFmtId="0" fontId="14" fillId="0" borderId="7" xfId="0" applyFont="1" applyFill="1" applyBorder="1">
      <alignment vertical="center"/>
    </xf>
    <xf numFmtId="0" fontId="14" fillId="0" borderId="13" xfId="0" applyFont="1" applyFill="1" applyBorder="1">
      <alignment vertical="center"/>
    </xf>
    <xf numFmtId="0" fontId="14" fillId="0" borderId="68" xfId="0" applyFont="1" applyFill="1" applyBorder="1">
      <alignment vertical="center"/>
    </xf>
    <xf numFmtId="0" fontId="14" fillId="0" borderId="53" xfId="0" applyFont="1" applyFill="1" applyBorder="1">
      <alignment vertical="center"/>
    </xf>
    <xf numFmtId="0" fontId="14" fillId="0" borderId="84" xfId="12" applyFont="1" applyFill="1" applyBorder="1" applyAlignment="1" applyProtection="1">
      <alignment vertical="center"/>
    </xf>
    <xf numFmtId="0" fontId="14" fillId="0" borderId="30" xfId="12" applyFont="1" applyFill="1" applyBorder="1" applyAlignment="1" applyProtection="1">
      <alignment vertical="center"/>
    </xf>
    <xf numFmtId="0" fontId="16" fillId="0" borderId="134" xfId="12" applyFont="1" applyFill="1" applyBorder="1" applyAlignment="1" applyProtection="1">
      <alignment horizontal="center" vertical="center" wrapText="1"/>
    </xf>
    <xf numFmtId="0" fontId="14" fillId="0" borderId="72" xfId="12" applyFont="1" applyFill="1" applyBorder="1" applyAlignment="1" applyProtection="1">
      <alignment horizontal="center" vertical="center"/>
    </xf>
    <xf numFmtId="0" fontId="14" fillId="0" borderId="83" xfId="12" applyFont="1" applyFill="1" applyBorder="1" applyAlignment="1" applyProtection="1">
      <alignment horizontal="center" vertical="center"/>
    </xf>
    <xf numFmtId="0" fontId="14" fillId="0" borderId="61" xfId="12" applyFont="1" applyFill="1" applyBorder="1" applyAlignment="1" applyProtection="1">
      <alignment vertical="center"/>
    </xf>
    <xf numFmtId="0" fontId="14" fillId="0" borderId="11" xfId="12" applyFont="1" applyFill="1" applyBorder="1" applyAlignment="1" applyProtection="1">
      <alignment vertical="center"/>
    </xf>
    <xf numFmtId="0" fontId="14" fillId="0" borderId="90" xfId="12" applyFont="1" applyFill="1" applyBorder="1" applyAlignment="1" applyProtection="1">
      <alignment vertical="center"/>
    </xf>
    <xf numFmtId="0" fontId="14" fillId="0" borderId="56" xfId="12" applyFont="1" applyFill="1" applyBorder="1" applyAlignment="1" applyProtection="1">
      <alignment vertical="center"/>
    </xf>
    <xf numFmtId="0" fontId="14" fillId="0" borderId="132" xfId="12" applyFont="1" applyFill="1" applyBorder="1" applyAlignment="1" applyProtection="1">
      <alignment horizontal="center" vertical="center"/>
    </xf>
    <xf numFmtId="0" fontId="14" fillId="0" borderId="7" xfId="8" applyFont="1" applyFill="1" applyBorder="1" applyAlignment="1">
      <alignment horizontal="right" vertical="center"/>
    </xf>
    <xf numFmtId="0" fontId="14" fillId="0" borderId="128" xfId="8" applyFont="1" applyFill="1" applyBorder="1" applyAlignment="1">
      <alignment horizontal="right" vertical="center"/>
    </xf>
    <xf numFmtId="176" fontId="14" fillId="0" borderId="57" xfId="2" applyNumberFormat="1" applyFont="1" applyFill="1" applyBorder="1" applyAlignment="1">
      <alignment horizontal="right" vertical="center"/>
    </xf>
    <xf numFmtId="176" fontId="14" fillId="0" borderId="68" xfId="2" applyNumberFormat="1" applyFont="1" applyFill="1" applyBorder="1" applyAlignment="1">
      <alignment horizontal="right" vertical="center"/>
    </xf>
    <xf numFmtId="0" fontId="14" fillId="0" borderId="137" xfId="0" applyFont="1" applyFill="1" applyBorder="1" applyAlignment="1">
      <alignment horizontal="center" vertical="center" wrapText="1"/>
    </xf>
    <xf numFmtId="38" fontId="14" fillId="0" borderId="138" xfId="0" applyNumberFormat="1" applyFont="1" applyFill="1" applyBorder="1" applyAlignment="1">
      <alignment horizontal="right" vertical="center"/>
    </xf>
    <xf numFmtId="38" fontId="14" fillId="0" borderId="78" xfId="0" applyNumberFormat="1" applyFont="1" applyFill="1" applyBorder="1" applyAlignment="1">
      <alignment horizontal="right" vertical="center"/>
    </xf>
    <xf numFmtId="38" fontId="14" fillId="0" borderId="138" xfId="1" applyFont="1" applyFill="1" applyBorder="1" applyAlignment="1">
      <alignment horizontal="right" vertical="center"/>
    </xf>
    <xf numFmtId="176" fontId="14" fillId="0" borderId="56" xfId="2" applyNumberFormat="1" applyFont="1" applyFill="1" applyBorder="1" applyAlignment="1">
      <alignment horizontal="right" vertical="center"/>
    </xf>
    <xf numFmtId="176" fontId="14" fillId="0" borderId="143" xfId="2" applyNumberFormat="1" applyFont="1" applyFill="1" applyBorder="1" applyAlignment="1">
      <alignment horizontal="right" vertical="center"/>
    </xf>
    <xf numFmtId="176" fontId="14" fillId="0" borderId="58" xfId="2" applyNumberFormat="1" applyFont="1" applyFill="1" applyBorder="1" applyAlignment="1">
      <alignment horizontal="right" vertical="center"/>
    </xf>
    <xf numFmtId="0" fontId="14" fillId="0" borderId="62" xfId="12" applyFont="1" applyFill="1" applyBorder="1" applyAlignment="1" applyProtection="1">
      <alignment vertical="center"/>
    </xf>
    <xf numFmtId="0" fontId="14" fillId="0" borderId="37" xfId="12" applyFont="1" applyFill="1" applyBorder="1" applyAlignment="1" applyProtection="1">
      <alignment vertical="center"/>
    </xf>
    <xf numFmtId="0" fontId="14" fillId="0" borderId="0" xfId="8" applyFont="1" applyFill="1" applyBorder="1" applyAlignment="1">
      <alignment horizontal="right" vertical="center"/>
    </xf>
    <xf numFmtId="0" fontId="14" fillId="0" borderId="44" xfId="8" applyFont="1" applyFill="1" applyBorder="1" applyAlignment="1">
      <alignment horizontal="right" vertical="center"/>
    </xf>
    <xf numFmtId="0" fontId="14" fillId="0" borderId="138" xfId="0" applyFont="1" applyFill="1" applyBorder="1" applyAlignment="1">
      <alignment horizontal="right" vertical="center"/>
    </xf>
    <xf numFmtId="0" fontId="14" fillId="0" borderId="77" xfId="0" applyFont="1" applyFill="1" applyBorder="1" applyAlignment="1">
      <alignment horizontal="right" vertical="center"/>
    </xf>
    <xf numFmtId="176" fontId="14" fillId="0" borderId="53" xfId="2" applyNumberFormat="1" applyFont="1" applyFill="1" applyBorder="1" applyAlignment="1" applyProtection="1">
      <alignment horizontal="right" vertical="center"/>
    </xf>
    <xf numFmtId="176" fontId="14" fillId="0" borderId="7" xfId="2" applyNumberFormat="1" applyFont="1" applyFill="1" applyBorder="1" applyAlignment="1" applyProtection="1">
      <alignment horizontal="right" vertical="center"/>
    </xf>
    <xf numFmtId="176" fontId="14" fillId="0" borderId="68" xfId="2" applyNumberFormat="1" applyFont="1" applyFill="1" applyBorder="1" applyAlignment="1" applyProtection="1">
      <alignment horizontal="right" vertical="center"/>
    </xf>
    <xf numFmtId="176" fontId="14" fillId="0" borderId="114" xfId="2" applyNumberFormat="1" applyFont="1" applyFill="1" applyBorder="1" applyAlignment="1" applyProtection="1">
      <alignment horizontal="right" vertical="center"/>
    </xf>
    <xf numFmtId="176" fontId="14" fillId="0" borderId="59" xfId="2" applyNumberFormat="1" applyFont="1" applyFill="1" applyBorder="1" applyAlignment="1" applyProtection="1">
      <alignment horizontal="right" vertical="center"/>
    </xf>
    <xf numFmtId="176" fontId="14" fillId="0" borderId="85" xfId="2" applyNumberFormat="1" applyFont="1" applyFill="1" applyBorder="1" applyAlignment="1" applyProtection="1">
      <alignment horizontal="right" vertical="center"/>
    </xf>
    <xf numFmtId="176" fontId="14" fillId="0" borderId="69" xfId="2" applyNumberFormat="1" applyFont="1" applyFill="1" applyBorder="1" applyAlignment="1" applyProtection="1">
      <alignment horizontal="right" vertical="center"/>
    </xf>
    <xf numFmtId="176" fontId="14" fillId="0" borderId="115" xfId="2" applyNumberFormat="1" applyFont="1" applyFill="1" applyBorder="1" applyAlignment="1" applyProtection="1">
      <alignment horizontal="right" vertical="center"/>
    </xf>
    <xf numFmtId="176" fontId="14" fillId="0" borderId="90" xfId="2" applyNumberFormat="1" applyFont="1" applyFill="1" applyBorder="1" applyAlignment="1">
      <alignment horizontal="right" vertical="center"/>
    </xf>
    <xf numFmtId="0" fontId="18" fillId="0" borderId="66" xfId="0" applyFont="1" applyFill="1" applyBorder="1" applyAlignment="1">
      <alignment horizontal="center" vertical="center" wrapText="1"/>
    </xf>
    <xf numFmtId="0" fontId="19" fillId="0" borderId="66" xfId="0" applyFont="1" applyFill="1" applyBorder="1" applyAlignment="1">
      <alignment horizontal="center" vertical="center" wrapText="1"/>
    </xf>
    <xf numFmtId="176" fontId="14" fillId="0" borderId="100" xfId="2" applyNumberFormat="1" applyFont="1" applyFill="1" applyBorder="1" applyAlignment="1">
      <alignment horizontal="right" vertical="center"/>
    </xf>
    <xf numFmtId="0" fontId="14" fillId="0" borderId="0" xfId="0" applyNumberFormat="1" applyFont="1" applyFill="1">
      <alignment vertical="center"/>
    </xf>
    <xf numFmtId="177" fontId="14" fillId="0" borderId="4" xfId="1" applyNumberFormat="1" applyFont="1" applyFill="1" applyBorder="1">
      <alignment vertical="center"/>
    </xf>
    <xf numFmtId="177" fontId="14" fillId="0" borderId="22" xfId="1" applyNumberFormat="1" applyFont="1" applyFill="1" applyBorder="1">
      <alignment vertical="center"/>
    </xf>
    <xf numFmtId="177" fontId="14" fillId="0" borderId="2" xfId="1" applyNumberFormat="1" applyFont="1" applyFill="1" applyBorder="1">
      <alignment vertical="center"/>
    </xf>
    <xf numFmtId="177" fontId="14" fillId="0" borderId="1" xfId="1" applyNumberFormat="1" applyFont="1" applyFill="1" applyBorder="1">
      <alignment vertical="center"/>
    </xf>
    <xf numFmtId="176" fontId="14" fillId="0" borderId="17" xfId="2" applyNumberFormat="1" applyFont="1" applyFill="1" applyBorder="1" applyAlignment="1">
      <alignment horizontal="center" vertical="center"/>
    </xf>
    <xf numFmtId="38" fontId="14" fillId="0" borderId="50" xfId="1" applyFont="1" applyFill="1" applyBorder="1">
      <alignment vertical="center"/>
    </xf>
    <xf numFmtId="177" fontId="14" fillId="0" borderId="50" xfId="1" applyNumberFormat="1" applyFont="1" applyFill="1" applyBorder="1">
      <alignment vertical="center"/>
    </xf>
    <xf numFmtId="38" fontId="14" fillId="0" borderId="45" xfId="1" applyFont="1" applyFill="1" applyBorder="1">
      <alignment vertical="center"/>
    </xf>
    <xf numFmtId="38" fontId="14" fillId="0" borderId="114" xfId="1" applyFont="1" applyFill="1" applyBorder="1">
      <alignment vertical="center"/>
    </xf>
    <xf numFmtId="177" fontId="14" fillId="0" borderId="114" xfId="1" applyNumberFormat="1" applyFont="1" applyFill="1" applyBorder="1">
      <alignment vertical="center"/>
    </xf>
    <xf numFmtId="176" fontId="14" fillId="0" borderId="115" xfId="2" applyNumberFormat="1" applyFont="1" applyFill="1" applyBorder="1" applyAlignment="1">
      <alignment horizontal="right" vertical="center"/>
    </xf>
    <xf numFmtId="0" fontId="14" fillId="0" borderId="25" xfId="0" applyFont="1" applyFill="1" applyBorder="1" applyAlignment="1">
      <alignment horizontal="center" vertical="center"/>
    </xf>
    <xf numFmtId="0" fontId="14" fillId="0" borderId="110" xfId="0" applyFont="1" applyFill="1" applyBorder="1" applyAlignment="1">
      <alignment horizontal="center" vertical="center"/>
    </xf>
    <xf numFmtId="0" fontId="14" fillId="0" borderId="112" xfId="0" applyFont="1" applyFill="1" applyBorder="1" applyAlignment="1">
      <alignment horizontal="center" vertical="center"/>
    </xf>
    <xf numFmtId="0" fontId="14" fillId="0" borderId="103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center" vertical="center"/>
    </xf>
    <xf numFmtId="0" fontId="14" fillId="0" borderId="65" xfId="0" applyFont="1" applyFill="1" applyBorder="1" applyAlignment="1">
      <alignment horizontal="center" vertical="center"/>
    </xf>
    <xf numFmtId="0" fontId="14" fillId="0" borderId="110" xfId="0" applyFont="1" applyFill="1" applyBorder="1" applyAlignment="1">
      <alignment horizontal="center" vertical="center"/>
    </xf>
    <xf numFmtId="0" fontId="12" fillId="0" borderId="0" xfId="0" applyFont="1" applyFill="1">
      <alignment vertical="center"/>
    </xf>
    <xf numFmtId="0" fontId="20" fillId="0" borderId="0" xfId="0" applyFont="1" applyFill="1" applyBorder="1" applyAlignment="1">
      <alignment horizontal="left" vertical="center"/>
    </xf>
    <xf numFmtId="0" fontId="20" fillId="0" borderId="0" xfId="0" applyFont="1" applyFill="1" applyAlignment="1">
      <alignment horizontal="left" vertical="center"/>
    </xf>
    <xf numFmtId="0" fontId="14" fillId="0" borderId="45" xfId="0" applyFont="1" applyFill="1" applyBorder="1" applyAlignment="1">
      <alignment horizontal="center" vertical="center" wrapText="1"/>
    </xf>
    <xf numFmtId="0" fontId="14" fillId="0" borderId="13" xfId="0" applyFont="1" applyFill="1" applyBorder="1" applyAlignment="1">
      <alignment horizontal="center" vertical="center" wrapText="1"/>
    </xf>
    <xf numFmtId="0" fontId="14" fillId="0" borderId="14" xfId="0" applyFont="1" applyFill="1" applyBorder="1" applyAlignment="1">
      <alignment horizontal="center" vertical="center" wrapText="1"/>
    </xf>
    <xf numFmtId="0" fontId="14" fillId="0" borderId="12" xfId="0" applyFont="1" applyFill="1" applyBorder="1" applyAlignment="1">
      <alignment horizontal="center" vertical="center" wrapText="1"/>
    </xf>
    <xf numFmtId="38" fontId="14" fillId="0" borderId="7" xfId="1" applyFont="1" applyFill="1" applyBorder="1">
      <alignment vertical="center"/>
    </xf>
    <xf numFmtId="38" fontId="14" fillId="0" borderId="12" xfId="1" applyFont="1" applyFill="1" applyBorder="1">
      <alignment vertical="center"/>
    </xf>
    <xf numFmtId="38" fontId="14" fillId="0" borderId="13" xfId="1" applyFont="1" applyFill="1" applyBorder="1">
      <alignment vertical="center"/>
    </xf>
    <xf numFmtId="0" fontId="14" fillId="0" borderId="0" xfId="0" applyFont="1" applyFill="1" applyAlignment="1">
      <alignment horizontal="right" vertical="center"/>
    </xf>
    <xf numFmtId="38" fontId="14" fillId="0" borderId="16" xfId="0" applyNumberFormat="1" applyFont="1" applyFill="1" applyBorder="1" applyAlignment="1">
      <alignment horizontal="right" vertical="center"/>
    </xf>
    <xf numFmtId="38" fontId="14" fillId="0" borderId="4" xfId="0" applyNumberFormat="1" applyFont="1" applyFill="1" applyBorder="1" applyAlignment="1">
      <alignment horizontal="right" vertical="center"/>
    </xf>
    <xf numFmtId="38" fontId="14" fillId="0" borderId="62" xfId="0" applyNumberFormat="1" applyFont="1" applyFill="1" applyBorder="1" applyAlignment="1">
      <alignment horizontal="right" vertical="center"/>
    </xf>
    <xf numFmtId="38" fontId="14" fillId="0" borderId="18" xfId="0" applyNumberFormat="1" applyFont="1" applyFill="1" applyBorder="1" applyAlignment="1">
      <alignment horizontal="right" vertical="center"/>
    </xf>
    <xf numFmtId="38" fontId="14" fillId="0" borderId="7" xfId="0" applyNumberFormat="1" applyFont="1" applyFill="1" applyBorder="1" applyAlignment="1">
      <alignment horizontal="right" vertical="center"/>
    </xf>
    <xf numFmtId="38" fontId="14" fillId="0" borderId="84" xfId="0" applyNumberFormat="1" applyFont="1" applyFill="1" applyBorder="1" applyAlignment="1">
      <alignment horizontal="right" vertical="center"/>
    </xf>
    <xf numFmtId="38" fontId="14" fillId="0" borderId="4" xfId="1" applyFont="1" applyFill="1" applyBorder="1" applyAlignment="1">
      <alignment vertical="center"/>
    </xf>
    <xf numFmtId="38" fontId="14" fillId="0" borderId="62" xfId="1" applyFont="1" applyFill="1" applyBorder="1" applyAlignment="1">
      <alignment vertical="center"/>
    </xf>
    <xf numFmtId="38" fontId="14" fillId="0" borderId="138" xfId="1" applyFont="1" applyFill="1" applyBorder="1" applyAlignment="1">
      <alignment vertical="center"/>
    </xf>
    <xf numFmtId="38" fontId="14" fillId="0" borderId="7" xfId="1" applyFont="1" applyFill="1" applyBorder="1" applyAlignment="1">
      <alignment vertical="center"/>
    </xf>
    <xf numFmtId="38" fontId="14" fillId="0" borderId="84" xfId="1" applyFont="1" applyFill="1" applyBorder="1" applyAlignment="1">
      <alignment vertical="center"/>
    </xf>
    <xf numFmtId="38" fontId="14" fillId="0" borderId="78" xfId="1" applyFont="1" applyFill="1" applyBorder="1" applyAlignment="1">
      <alignment vertical="center"/>
    </xf>
    <xf numFmtId="176" fontId="14" fillId="0" borderId="141" xfId="2" applyNumberFormat="1" applyFont="1" applyFill="1" applyBorder="1" applyAlignment="1">
      <alignment vertical="center"/>
    </xf>
    <xf numFmtId="38" fontId="14" fillId="0" borderId="3" xfId="1" applyFont="1" applyFill="1" applyBorder="1" applyAlignment="1">
      <alignment horizontal="right" vertical="center"/>
    </xf>
    <xf numFmtId="38" fontId="14" fillId="0" borderId="4" xfId="1" applyFont="1" applyFill="1" applyBorder="1" applyAlignment="1">
      <alignment horizontal="right" vertical="center"/>
    </xf>
    <xf numFmtId="38" fontId="14" fillId="0" borderId="62" xfId="1" applyFont="1" applyFill="1" applyBorder="1" applyAlignment="1">
      <alignment horizontal="right" vertical="center"/>
    </xf>
    <xf numFmtId="176" fontId="14" fillId="0" borderId="141" xfId="2" applyNumberFormat="1" applyFont="1" applyFill="1" applyBorder="1" applyAlignment="1">
      <alignment horizontal="right" vertical="center"/>
    </xf>
    <xf numFmtId="176" fontId="14" fillId="0" borderId="0" xfId="2" applyNumberFormat="1" applyFont="1" applyFill="1" applyBorder="1" applyAlignment="1">
      <alignment horizontal="right" vertical="center"/>
    </xf>
    <xf numFmtId="38" fontId="14" fillId="0" borderId="85" xfId="1" applyFont="1" applyFill="1" applyBorder="1" applyAlignment="1">
      <alignment horizontal="center" vertical="center"/>
    </xf>
    <xf numFmtId="176" fontId="14" fillId="0" borderId="18" xfId="2" applyNumberFormat="1" applyFont="1" applyFill="1" applyBorder="1" applyAlignment="1">
      <alignment horizontal="right" vertical="center"/>
    </xf>
    <xf numFmtId="176" fontId="14" fillId="0" borderId="7" xfId="2" applyNumberFormat="1" applyFont="1" applyFill="1" applyBorder="1" applyAlignment="1">
      <alignment horizontal="right" vertical="center"/>
    </xf>
    <xf numFmtId="176" fontId="14" fillId="0" borderId="84" xfId="2" applyNumberFormat="1" applyFont="1" applyFill="1" applyBorder="1" applyAlignment="1">
      <alignment horizontal="right" vertical="center"/>
    </xf>
    <xf numFmtId="176" fontId="14" fillId="0" borderId="78" xfId="2" applyNumberFormat="1" applyFont="1" applyFill="1" applyBorder="1" applyAlignment="1">
      <alignment horizontal="right" vertical="center"/>
    </xf>
    <xf numFmtId="38" fontId="14" fillId="0" borderId="14" xfId="1" applyFont="1" applyFill="1" applyBorder="1" applyAlignment="1">
      <alignment horizontal="center" vertical="center"/>
    </xf>
    <xf numFmtId="176" fontId="14" fillId="0" borderId="12" xfId="2" applyNumberFormat="1" applyFont="1" applyFill="1" applyBorder="1" applyAlignment="1">
      <alignment horizontal="right" vertical="center"/>
    </xf>
    <xf numFmtId="176" fontId="14" fillId="0" borderId="13" xfId="2" applyNumberFormat="1" applyFont="1" applyFill="1" applyBorder="1" applyAlignment="1">
      <alignment horizontal="right" vertical="center"/>
    </xf>
    <xf numFmtId="176" fontId="14" fillId="0" borderId="46" xfId="2" applyNumberFormat="1" applyFont="1" applyFill="1" applyBorder="1" applyAlignment="1">
      <alignment horizontal="right" vertical="center"/>
    </xf>
    <xf numFmtId="176" fontId="14" fillId="0" borderId="77" xfId="2" applyNumberFormat="1" applyFont="1" applyFill="1" applyBorder="1" applyAlignment="1">
      <alignment horizontal="right" vertical="center"/>
    </xf>
    <xf numFmtId="0" fontId="14" fillId="0" borderId="103" xfId="6" applyFont="1" applyFill="1" applyBorder="1" applyAlignment="1">
      <alignment vertical="center"/>
    </xf>
    <xf numFmtId="0" fontId="14" fillId="0" borderId="17" xfId="6" applyFont="1" applyFill="1" applyBorder="1" applyAlignment="1">
      <alignment horizontal="center" vertical="center"/>
    </xf>
    <xf numFmtId="38" fontId="14" fillId="0" borderId="16" xfId="1" applyFont="1" applyFill="1" applyBorder="1" applyAlignment="1">
      <alignment horizontal="right" vertical="center"/>
    </xf>
    <xf numFmtId="0" fontId="14" fillId="0" borderId="49" xfId="6" applyFont="1" applyFill="1" applyBorder="1" applyAlignment="1">
      <alignment vertical="center"/>
    </xf>
    <xf numFmtId="0" fontId="14" fillId="0" borderId="145" xfId="0" applyFont="1" applyFill="1" applyBorder="1" applyAlignment="1">
      <alignment horizontal="center" vertical="center"/>
    </xf>
    <xf numFmtId="0" fontId="14" fillId="0" borderId="57" xfId="0" applyFont="1" applyFill="1" applyBorder="1" applyAlignment="1">
      <alignment horizontal="center" vertical="center"/>
    </xf>
    <xf numFmtId="0" fontId="14" fillId="0" borderId="68" xfId="0" applyFont="1" applyFill="1" applyBorder="1" applyAlignment="1">
      <alignment horizontal="center" vertical="center"/>
    </xf>
    <xf numFmtId="38" fontId="14" fillId="0" borderId="17" xfId="1" applyFont="1" applyFill="1" applyBorder="1" applyAlignment="1">
      <alignment horizontal="center" vertical="center"/>
    </xf>
    <xf numFmtId="0" fontId="14" fillId="0" borderId="12" xfId="0" applyFont="1" applyFill="1" applyBorder="1" applyAlignment="1">
      <alignment horizontal="center" vertical="center"/>
    </xf>
    <xf numFmtId="0" fontId="14" fillId="0" borderId="18" xfId="0" applyFont="1" applyFill="1" applyBorder="1" applyAlignment="1">
      <alignment horizontal="center" vertical="center"/>
    </xf>
    <xf numFmtId="176" fontId="14" fillId="0" borderId="2" xfId="2" applyNumberFormat="1" applyFont="1" applyFill="1" applyBorder="1" applyAlignment="1">
      <alignment horizontal="right" vertical="center"/>
    </xf>
    <xf numFmtId="0" fontId="18" fillId="0" borderId="112" xfId="0" applyFont="1" applyFill="1" applyBorder="1" applyAlignment="1">
      <alignment horizontal="center" vertical="center"/>
    </xf>
    <xf numFmtId="176" fontId="14" fillId="0" borderId="57" xfId="2" applyNumberFormat="1" applyFont="1" applyFill="1" applyBorder="1" applyAlignment="1">
      <alignment vertical="center"/>
    </xf>
    <xf numFmtId="0" fontId="14" fillId="0" borderId="146" xfId="0" applyFont="1" applyFill="1" applyBorder="1" applyAlignment="1">
      <alignment horizontal="center" vertical="center"/>
    </xf>
    <xf numFmtId="176" fontId="14" fillId="0" borderId="7" xfId="2" applyNumberFormat="1" applyFont="1" applyFill="1" applyBorder="1" applyAlignment="1">
      <alignment vertical="center"/>
    </xf>
    <xf numFmtId="38" fontId="14" fillId="0" borderId="7" xfId="1" applyFont="1" applyFill="1" applyBorder="1" applyAlignment="1">
      <alignment horizontal="right" vertical="center"/>
    </xf>
    <xf numFmtId="0" fontId="14" fillId="0" borderId="53" xfId="0" applyFont="1" applyFill="1" applyBorder="1" applyAlignment="1">
      <alignment horizontal="center" vertical="center"/>
    </xf>
    <xf numFmtId="38" fontId="14" fillId="0" borderId="18" xfId="1" applyFont="1" applyFill="1" applyBorder="1" applyAlignment="1">
      <alignment vertical="center"/>
    </xf>
    <xf numFmtId="176" fontId="14" fillId="0" borderId="18" xfId="2" applyNumberFormat="1" applyFont="1" applyFill="1" applyBorder="1" applyAlignment="1">
      <alignment vertical="center"/>
    </xf>
    <xf numFmtId="38" fontId="14" fillId="0" borderId="16" xfId="1" applyFont="1" applyFill="1" applyBorder="1" applyAlignment="1">
      <alignment vertical="center"/>
    </xf>
    <xf numFmtId="0" fontId="14" fillId="0" borderId="70" xfId="0" applyFont="1" applyFill="1" applyBorder="1" applyAlignment="1">
      <alignment horizontal="center" vertical="center"/>
    </xf>
    <xf numFmtId="38" fontId="14" fillId="0" borderId="69" xfId="1" applyFont="1" applyFill="1" applyBorder="1" applyAlignment="1">
      <alignment horizontal="center" vertical="center"/>
    </xf>
    <xf numFmtId="38" fontId="14" fillId="0" borderId="44" xfId="1" applyFont="1" applyFill="1" applyBorder="1" applyAlignment="1">
      <alignment horizontal="right" vertical="center"/>
    </xf>
    <xf numFmtId="176" fontId="14" fillId="0" borderId="44" xfId="2" applyNumberFormat="1" applyFont="1" applyFill="1" applyBorder="1" applyAlignment="1">
      <alignment horizontal="right" vertical="center"/>
    </xf>
    <xf numFmtId="38" fontId="14" fillId="0" borderId="84" xfId="1" applyFont="1" applyFill="1" applyBorder="1" applyAlignment="1">
      <alignment horizontal="right" vertical="center"/>
    </xf>
    <xf numFmtId="38" fontId="14" fillId="0" borderId="78" xfId="1" applyFont="1" applyFill="1" applyBorder="1" applyAlignment="1">
      <alignment horizontal="right" vertical="center"/>
    </xf>
    <xf numFmtId="176" fontId="14" fillId="0" borderId="84" xfId="2" applyNumberFormat="1" applyFont="1" applyFill="1" applyBorder="1" applyAlignment="1">
      <alignment vertical="center"/>
    </xf>
    <xf numFmtId="176" fontId="14" fillId="0" borderId="78" xfId="2" applyNumberFormat="1" applyFont="1" applyFill="1" applyBorder="1" applyAlignment="1">
      <alignment vertical="center"/>
    </xf>
    <xf numFmtId="0" fontId="14" fillId="0" borderId="0" xfId="0" applyFont="1" applyFill="1" applyBorder="1" applyAlignment="1">
      <alignment horizontal="center" vertical="center"/>
    </xf>
    <xf numFmtId="0" fontId="14" fillId="0" borderId="111" xfId="0" applyFont="1" applyFill="1" applyBorder="1" applyAlignment="1">
      <alignment horizontal="center" vertical="center"/>
    </xf>
    <xf numFmtId="38" fontId="14" fillId="0" borderId="43" xfId="1" applyFont="1" applyFill="1" applyBorder="1">
      <alignment vertical="center"/>
    </xf>
    <xf numFmtId="38" fontId="14" fillId="0" borderId="37" xfId="1" applyFont="1" applyFill="1" applyBorder="1">
      <alignment vertical="center"/>
    </xf>
    <xf numFmtId="38" fontId="14" fillId="0" borderId="43" xfId="1" applyFont="1" applyFill="1" applyBorder="1" applyAlignment="1">
      <alignment horizontal="right" vertical="center"/>
    </xf>
    <xf numFmtId="38" fontId="14" fillId="0" borderId="6" xfId="1" applyFont="1" applyFill="1" applyBorder="1" applyAlignment="1">
      <alignment horizontal="right" vertical="center"/>
    </xf>
    <xf numFmtId="38" fontId="14" fillId="0" borderId="76" xfId="1" applyFont="1" applyFill="1" applyBorder="1">
      <alignment vertical="center"/>
    </xf>
    <xf numFmtId="38" fontId="14" fillId="0" borderId="6" xfId="1" applyFont="1" applyFill="1" applyBorder="1">
      <alignment vertical="center"/>
    </xf>
    <xf numFmtId="38" fontId="14" fillId="0" borderId="39" xfId="1" applyFont="1" applyFill="1" applyBorder="1">
      <alignment vertical="center"/>
    </xf>
    <xf numFmtId="38" fontId="14" fillId="0" borderId="30" xfId="1" applyFont="1" applyFill="1" applyBorder="1">
      <alignment vertical="center"/>
    </xf>
    <xf numFmtId="38" fontId="14" fillId="0" borderId="38" xfId="1" applyFont="1" applyFill="1" applyBorder="1" applyAlignment="1">
      <alignment horizontal="right" vertical="center"/>
    </xf>
    <xf numFmtId="38" fontId="14" fillId="0" borderId="78" xfId="1" applyFont="1" applyFill="1" applyBorder="1">
      <alignment vertical="center"/>
    </xf>
    <xf numFmtId="38" fontId="14" fillId="0" borderId="38" xfId="1" applyFont="1" applyFill="1" applyBorder="1">
      <alignment vertical="center"/>
    </xf>
    <xf numFmtId="38" fontId="14" fillId="0" borderId="30" xfId="1" applyFont="1" applyFill="1" applyBorder="1" applyAlignment="1">
      <alignment horizontal="right" vertical="center"/>
    </xf>
    <xf numFmtId="38" fontId="14" fillId="0" borderId="41" xfId="1" applyFont="1" applyFill="1" applyBorder="1">
      <alignment vertical="center"/>
    </xf>
    <xf numFmtId="38" fontId="14" fillId="0" borderId="31" xfId="1" applyFont="1" applyFill="1" applyBorder="1">
      <alignment vertical="center"/>
    </xf>
    <xf numFmtId="38" fontId="14" fillId="0" borderId="40" xfId="1" applyFont="1" applyFill="1" applyBorder="1" applyAlignment="1">
      <alignment horizontal="right" vertical="center"/>
    </xf>
    <xf numFmtId="38" fontId="14" fillId="0" borderId="77" xfId="1" applyFont="1" applyFill="1" applyBorder="1">
      <alignment vertical="center"/>
    </xf>
    <xf numFmtId="38" fontId="14" fillId="0" borderId="40" xfId="1" applyFont="1" applyFill="1" applyBorder="1">
      <alignment vertical="center"/>
    </xf>
    <xf numFmtId="38" fontId="14" fillId="0" borderId="89" xfId="1" applyFont="1" applyFill="1" applyBorder="1" applyAlignment="1">
      <alignment horizontal="right" vertical="center"/>
    </xf>
    <xf numFmtId="38" fontId="14" fillId="0" borderId="87" xfId="1" applyFont="1" applyFill="1" applyBorder="1">
      <alignment vertical="center"/>
    </xf>
    <xf numFmtId="38" fontId="14" fillId="0" borderId="91" xfId="1" applyFont="1" applyFill="1" applyBorder="1" applyAlignment="1">
      <alignment horizontal="right" vertical="center"/>
    </xf>
    <xf numFmtId="38" fontId="14" fillId="0" borderId="89" xfId="1" applyFont="1" applyFill="1" applyBorder="1">
      <alignment vertical="center"/>
    </xf>
    <xf numFmtId="38" fontId="14" fillId="0" borderId="94" xfId="1" applyFont="1" applyFill="1" applyBorder="1">
      <alignment vertical="center"/>
    </xf>
    <xf numFmtId="38" fontId="14" fillId="0" borderId="71" xfId="1" applyFont="1" applyFill="1" applyBorder="1">
      <alignment vertical="center"/>
    </xf>
    <xf numFmtId="38" fontId="14" fillId="0" borderId="91" xfId="1" applyFont="1" applyFill="1" applyBorder="1">
      <alignment vertical="center"/>
    </xf>
    <xf numFmtId="38" fontId="14" fillId="0" borderId="52" xfId="1" applyFont="1" applyFill="1" applyBorder="1">
      <alignment vertical="center"/>
    </xf>
    <xf numFmtId="38" fontId="14" fillId="0" borderId="54" xfId="1" applyFont="1" applyFill="1" applyBorder="1">
      <alignment vertical="center"/>
    </xf>
    <xf numFmtId="38" fontId="14" fillId="0" borderId="10" xfId="1" applyFont="1" applyFill="1" applyBorder="1">
      <alignment vertical="center"/>
    </xf>
    <xf numFmtId="38" fontId="14" fillId="0" borderId="95" xfId="1" applyFont="1" applyFill="1" applyBorder="1">
      <alignment vertical="center"/>
    </xf>
    <xf numFmtId="38" fontId="14" fillId="0" borderId="11" xfId="1" applyFont="1" applyFill="1" applyBorder="1">
      <alignment vertical="center"/>
    </xf>
    <xf numFmtId="38" fontId="14" fillId="0" borderId="92" xfId="1" applyFont="1" applyFill="1" applyBorder="1">
      <alignment vertical="center"/>
    </xf>
    <xf numFmtId="38" fontId="14" fillId="0" borderId="47" xfId="1" applyFont="1" applyFill="1" applyBorder="1">
      <alignment vertical="center"/>
    </xf>
    <xf numFmtId="38" fontId="14" fillId="0" borderId="93" xfId="1" applyFont="1" applyFill="1" applyBorder="1">
      <alignment vertical="center"/>
    </xf>
    <xf numFmtId="0" fontId="14" fillId="0" borderId="74" xfId="0" applyFont="1" applyFill="1" applyBorder="1" applyAlignment="1">
      <alignment horizontal="center" vertical="center"/>
    </xf>
    <xf numFmtId="38" fontId="14" fillId="0" borderId="37" xfId="1" applyFont="1" applyFill="1" applyBorder="1" applyAlignment="1">
      <alignment horizontal="right" vertical="center"/>
    </xf>
    <xf numFmtId="38" fontId="14" fillId="0" borderId="39" xfId="1" applyFont="1" applyFill="1" applyBorder="1" applyAlignment="1">
      <alignment horizontal="right" vertical="center"/>
    </xf>
    <xf numFmtId="38" fontId="14" fillId="0" borderId="31" xfId="1" applyFont="1" applyFill="1" applyBorder="1" applyAlignment="1">
      <alignment horizontal="right" vertical="center"/>
    </xf>
    <xf numFmtId="38" fontId="14" fillId="0" borderId="41" xfId="1" applyFont="1" applyFill="1" applyBorder="1" applyAlignment="1">
      <alignment horizontal="right" vertical="center"/>
    </xf>
    <xf numFmtId="38" fontId="14" fillId="0" borderId="54" xfId="1" applyFont="1" applyFill="1" applyBorder="1" applyAlignment="1">
      <alignment horizontal="right" vertical="center"/>
    </xf>
    <xf numFmtId="38" fontId="14" fillId="0" borderId="11" xfId="1" applyFont="1" applyFill="1" applyBorder="1" applyAlignment="1">
      <alignment horizontal="right" vertical="center"/>
    </xf>
    <xf numFmtId="38" fontId="14" fillId="0" borderId="10" xfId="1" applyFont="1" applyFill="1" applyBorder="1" applyAlignment="1">
      <alignment horizontal="right" vertical="center"/>
    </xf>
    <xf numFmtId="0" fontId="14" fillId="0" borderId="131" xfId="0" applyFont="1" applyFill="1" applyBorder="1" applyAlignment="1">
      <alignment vertical="center"/>
    </xf>
    <xf numFmtId="38" fontId="14" fillId="0" borderId="4" xfId="0" applyNumberFormat="1" applyFont="1" applyFill="1" applyBorder="1" applyAlignment="1">
      <alignment vertical="center"/>
    </xf>
    <xf numFmtId="0" fontId="14" fillId="0" borderId="61" xfId="0" applyFont="1" applyFill="1" applyBorder="1" applyAlignment="1">
      <alignment vertical="center"/>
    </xf>
    <xf numFmtId="57" fontId="14" fillId="0" borderId="112" xfId="3" applyNumberFormat="1" applyFont="1" applyFill="1" applyBorder="1" applyAlignment="1">
      <alignment horizontal="center" vertical="center" wrapText="1"/>
    </xf>
    <xf numFmtId="57" fontId="14" fillId="0" borderId="117" xfId="3" applyNumberFormat="1" applyFont="1" applyFill="1" applyBorder="1" applyAlignment="1">
      <alignment horizontal="center" vertical="center" wrapText="1"/>
    </xf>
    <xf numFmtId="57" fontId="14" fillId="0" borderId="111" xfId="3" applyNumberFormat="1" applyFont="1" applyFill="1" applyBorder="1" applyAlignment="1">
      <alignment horizontal="center" vertical="center" wrapText="1"/>
    </xf>
    <xf numFmtId="57" fontId="14" fillId="0" borderId="113" xfId="3" applyNumberFormat="1" applyFont="1" applyFill="1" applyBorder="1" applyAlignment="1">
      <alignment horizontal="center" vertical="center" wrapText="1"/>
    </xf>
    <xf numFmtId="57" fontId="14" fillId="0" borderId="118" xfId="3" applyNumberFormat="1" applyFont="1" applyFill="1" applyBorder="1" applyAlignment="1">
      <alignment horizontal="center" vertical="center" wrapText="1"/>
    </xf>
    <xf numFmtId="57" fontId="14" fillId="0" borderId="110" xfId="3" applyNumberFormat="1" applyFont="1" applyFill="1" applyBorder="1" applyAlignment="1">
      <alignment horizontal="center" vertical="center" wrapText="1"/>
    </xf>
    <xf numFmtId="0" fontId="14" fillId="0" borderId="17" xfId="3" applyFont="1" applyFill="1" applyBorder="1" applyAlignment="1">
      <alignment horizontal="center" vertical="center"/>
    </xf>
    <xf numFmtId="0" fontId="14" fillId="0" borderId="85" xfId="3" applyFont="1" applyFill="1" applyBorder="1" applyAlignment="1">
      <alignment horizontal="center" vertical="center"/>
    </xf>
    <xf numFmtId="0" fontId="14" fillId="0" borderId="14" xfId="3" applyFont="1" applyFill="1" applyBorder="1" applyAlignment="1">
      <alignment horizontal="center" vertical="center"/>
    </xf>
    <xf numFmtId="0" fontId="14" fillId="0" borderId="88" xfId="3" applyFont="1" applyFill="1" applyBorder="1" applyAlignment="1">
      <alignment horizontal="center" vertical="center"/>
    </xf>
    <xf numFmtId="0" fontId="14" fillId="0" borderId="59" xfId="3" applyFont="1" applyFill="1" applyBorder="1" applyAlignment="1">
      <alignment horizontal="center" vertical="center"/>
    </xf>
    <xf numFmtId="0" fontId="14" fillId="0" borderId="100" xfId="3" applyFont="1" applyFill="1" applyBorder="1" applyAlignment="1">
      <alignment horizontal="center" vertical="center"/>
    </xf>
    <xf numFmtId="0" fontId="14" fillId="0" borderId="0" xfId="3" applyFont="1" applyFill="1" applyBorder="1" applyAlignment="1">
      <alignment horizontal="center" vertical="center"/>
    </xf>
    <xf numFmtId="57" fontId="14" fillId="0" borderId="119" xfId="3" applyNumberFormat="1" applyFont="1" applyFill="1" applyBorder="1" applyAlignment="1">
      <alignment horizontal="center" vertical="center" wrapText="1"/>
    </xf>
    <xf numFmtId="0" fontId="14" fillId="0" borderId="29" xfId="3" applyFont="1" applyFill="1" applyBorder="1" applyAlignment="1">
      <alignment horizontal="center" vertical="center"/>
    </xf>
    <xf numFmtId="0" fontId="14" fillId="0" borderId="30" xfId="3" applyFont="1" applyFill="1" applyBorder="1" applyAlignment="1">
      <alignment horizontal="center" vertical="center"/>
    </xf>
    <xf numFmtId="0" fontId="14" fillId="0" borderId="31" xfId="3" applyFont="1" applyFill="1" applyBorder="1" applyAlignment="1">
      <alignment horizontal="center" vertical="center"/>
    </xf>
    <xf numFmtId="0" fontId="14" fillId="0" borderId="105" xfId="3" applyFont="1" applyFill="1" applyBorder="1" applyAlignment="1">
      <alignment horizontal="center" vertical="center"/>
    </xf>
    <xf numFmtId="0" fontId="14" fillId="0" borderId="23" xfId="3" applyFont="1" applyFill="1" applyBorder="1" applyAlignment="1">
      <alignment horizontal="center" vertical="center"/>
    </xf>
    <xf numFmtId="0" fontId="14" fillId="0" borderId="0" xfId="0" applyFont="1" applyFill="1" applyAlignment="1">
      <alignment vertical="center"/>
    </xf>
    <xf numFmtId="0" fontId="14" fillId="0" borderId="16" xfId="0" applyFont="1" applyFill="1" applyBorder="1">
      <alignment vertical="center"/>
    </xf>
    <xf numFmtId="0" fontId="14" fillId="0" borderId="18" xfId="0" applyFont="1" applyFill="1" applyBorder="1">
      <alignment vertical="center"/>
    </xf>
    <xf numFmtId="0" fontId="14" fillId="0" borderId="57" xfId="0" applyFont="1" applyFill="1" applyBorder="1">
      <alignment vertical="center"/>
    </xf>
    <xf numFmtId="0" fontId="14" fillId="0" borderId="52" xfId="0" applyFont="1" applyFill="1" applyBorder="1">
      <alignment vertical="center"/>
    </xf>
    <xf numFmtId="0" fontId="14" fillId="0" borderId="12" xfId="0" applyFont="1" applyFill="1" applyBorder="1">
      <alignment vertical="center"/>
    </xf>
    <xf numFmtId="0" fontId="14" fillId="0" borderId="49" xfId="0" applyFont="1" applyFill="1" applyBorder="1">
      <alignment vertical="center"/>
    </xf>
    <xf numFmtId="0" fontId="14" fillId="0" borderId="50" xfId="0" applyFont="1" applyFill="1" applyBorder="1">
      <alignment vertical="center"/>
    </xf>
    <xf numFmtId="0" fontId="14" fillId="0" borderId="100" xfId="0" applyFont="1" applyFill="1" applyBorder="1">
      <alignment vertical="center"/>
    </xf>
    <xf numFmtId="0" fontId="14" fillId="0" borderId="109" xfId="0" applyFont="1" applyFill="1" applyBorder="1" applyAlignment="1">
      <alignment horizontal="center" vertical="center"/>
    </xf>
    <xf numFmtId="0" fontId="12" fillId="0" borderId="113" xfId="0" applyFont="1" applyFill="1" applyBorder="1" applyAlignment="1">
      <alignment horizontal="center" vertical="center"/>
    </xf>
    <xf numFmtId="0" fontId="14" fillId="0" borderId="137" xfId="0" applyFont="1" applyFill="1" applyBorder="1" applyAlignment="1">
      <alignment horizontal="center" vertical="center"/>
    </xf>
    <xf numFmtId="0" fontId="14" fillId="0" borderId="15" xfId="0" applyFont="1" applyFill="1" applyBorder="1" applyAlignment="1">
      <alignment horizontal="center" vertical="center"/>
    </xf>
    <xf numFmtId="0" fontId="14" fillId="0" borderId="3" xfId="0" applyFont="1" applyFill="1" applyBorder="1" applyAlignment="1">
      <alignment horizontal="right" vertical="center"/>
    </xf>
    <xf numFmtId="0" fontId="14" fillId="0" borderId="4" xfId="0" applyFont="1" applyFill="1" applyBorder="1" applyAlignment="1">
      <alignment horizontal="right" vertical="center"/>
    </xf>
    <xf numFmtId="0" fontId="14" fillId="0" borderId="62" xfId="0" applyFont="1" applyFill="1" applyBorder="1" applyAlignment="1">
      <alignment horizontal="right" vertical="center"/>
    </xf>
    <xf numFmtId="0" fontId="14" fillId="0" borderId="124" xfId="0" applyFont="1" applyFill="1" applyBorder="1" applyAlignment="1">
      <alignment horizontal="center" vertical="center"/>
    </xf>
    <xf numFmtId="0" fontId="14" fillId="0" borderId="45" xfId="0" applyFont="1" applyFill="1" applyBorder="1" applyAlignment="1">
      <alignment horizontal="right" vertical="center"/>
    </xf>
    <xf numFmtId="0" fontId="14" fillId="0" borderId="13" xfId="0" applyFont="1" applyFill="1" applyBorder="1" applyAlignment="1">
      <alignment horizontal="right" vertical="center"/>
    </xf>
    <xf numFmtId="0" fontId="14" fillId="0" borderId="46" xfId="0" applyFont="1" applyFill="1" applyBorder="1" applyAlignment="1">
      <alignment horizontal="right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75" xfId="0" applyFont="1" applyFill="1" applyBorder="1" applyAlignment="1">
      <alignment horizontal="right" vertical="center"/>
    </xf>
    <xf numFmtId="0" fontId="14" fillId="0" borderId="50" xfId="0" applyFont="1" applyFill="1" applyBorder="1" applyAlignment="1">
      <alignment horizontal="right" vertical="center"/>
    </xf>
    <xf numFmtId="0" fontId="14" fillId="0" borderId="104" xfId="0" applyFont="1" applyFill="1" applyBorder="1" applyAlignment="1">
      <alignment horizontal="right" vertical="center"/>
    </xf>
    <xf numFmtId="0" fontId="14" fillId="0" borderId="139" xfId="0" applyFont="1" applyFill="1" applyBorder="1" applyAlignment="1">
      <alignment horizontal="right" vertical="center"/>
    </xf>
    <xf numFmtId="0" fontId="16" fillId="0" borderId="66" xfId="0" applyFont="1" applyFill="1" applyBorder="1" applyAlignment="1">
      <alignment horizontal="center" vertical="center"/>
    </xf>
    <xf numFmtId="0" fontId="14" fillId="0" borderId="113" xfId="0" applyFont="1" applyFill="1" applyBorder="1" applyAlignment="1">
      <alignment horizontal="center" vertical="center"/>
    </xf>
    <xf numFmtId="0" fontId="14" fillId="0" borderId="5" xfId="0" applyFont="1" applyFill="1" applyBorder="1">
      <alignment vertical="center"/>
    </xf>
    <xf numFmtId="0" fontId="14" fillId="0" borderId="8" xfId="0" applyFont="1" applyFill="1" applyBorder="1">
      <alignment vertical="center"/>
    </xf>
    <xf numFmtId="0" fontId="14" fillId="0" borderId="64" xfId="0" applyFont="1" applyFill="1" applyBorder="1">
      <alignment vertical="center"/>
    </xf>
    <xf numFmtId="0" fontId="14" fillId="0" borderId="70" xfId="0" applyFont="1" applyFill="1" applyBorder="1">
      <alignment vertical="center"/>
    </xf>
    <xf numFmtId="0" fontId="14" fillId="0" borderId="71" xfId="0" applyFont="1" applyFill="1" applyBorder="1">
      <alignment vertical="center"/>
    </xf>
    <xf numFmtId="0" fontId="14" fillId="0" borderId="62" xfId="0" applyFont="1" applyFill="1" applyBorder="1">
      <alignment vertical="center"/>
    </xf>
    <xf numFmtId="0" fontId="14" fillId="0" borderId="6" xfId="0" applyFont="1" applyFill="1" applyBorder="1">
      <alignment vertical="center"/>
    </xf>
    <xf numFmtId="0" fontId="14" fillId="0" borderId="3" xfId="0" applyFont="1" applyFill="1" applyBorder="1">
      <alignment vertical="center"/>
    </xf>
    <xf numFmtId="0" fontId="16" fillId="0" borderId="110" xfId="0" applyFont="1" applyFill="1" applyBorder="1" applyAlignment="1">
      <alignment horizontal="center" vertical="center" wrapText="1"/>
    </xf>
    <xf numFmtId="0" fontId="16" fillId="0" borderId="67" xfId="0" applyFont="1" applyFill="1" applyBorder="1" applyAlignment="1">
      <alignment horizontal="center" vertical="center" wrapText="1"/>
    </xf>
    <xf numFmtId="38" fontId="14" fillId="0" borderId="3" xfId="0" applyNumberFormat="1" applyFont="1" applyFill="1" applyBorder="1" applyAlignment="1">
      <alignment horizontal="right" vertical="center" wrapText="1"/>
    </xf>
    <xf numFmtId="38" fontId="14" fillId="0" borderId="4" xfId="0" applyNumberFormat="1" applyFont="1" applyFill="1" applyBorder="1" applyAlignment="1">
      <alignment horizontal="right" vertical="center" wrapText="1"/>
    </xf>
    <xf numFmtId="38" fontId="14" fillId="0" borderId="17" xfId="0" applyNumberFormat="1" applyFont="1" applyFill="1" applyBorder="1" applyAlignment="1">
      <alignment horizontal="right" vertical="center" wrapText="1"/>
    </xf>
    <xf numFmtId="0" fontId="14" fillId="0" borderId="144" xfId="0" applyFont="1" applyFill="1" applyBorder="1" applyAlignment="1">
      <alignment horizontal="center" vertical="center"/>
    </xf>
    <xf numFmtId="38" fontId="14" fillId="0" borderId="64" xfId="0" applyNumberFormat="1" applyFont="1" applyFill="1" applyBorder="1" applyAlignment="1">
      <alignment horizontal="right" vertical="center" wrapText="1"/>
    </xf>
    <xf numFmtId="38" fontId="14" fillId="0" borderId="1" xfId="0" applyNumberFormat="1" applyFont="1" applyFill="1" applyBorder="1" applyAlignment="1">
      <alignment horizontal="right" vertical="center" wrapText="1"/>
    </xf>
    <xf numFmtId="38" fontId="14" fillId="0" borderId="79" xfId="0" applyNumberFormat="1" applyFont="1" applyFill="1" applyBorder="1" applyAlignment="1">
      <alignment horizontal="right" vertical="center" wrapText="1"/>
    </xf>
    <xf numFmtId="0" fontId="14" fillId="0" borderId="123" xfId="0" applyFont="1" applyFill="1" applyBorder="1" applyAlignment="1">
      <alignment horizontal="center" vertical="center"/>
    </xf>
    <xf numFmtId="38" fontId="14" fillId="0" borderId="21" xfId="0" applyNumberFormat="1" applyFont="1" applyFill="1" applyBorder="1" applyAlignment="1">
      <alignment horizontal="right" vertical="center"/>
    </xf>
    <xf numFmtId="38" fontId="14" fillId="0" borderId="22" xfId="0" applyNumberFormat="1" applyFont="1" applyFill="1" applyBorder="1" applyAlignment="1">
      <alignment horizontal="right" vertical="center"/>
    </xf>
    <xf numFmtId="38" fontId="14" fillId="0" borderId="23" xfId="0" applyNumberFormat="1" applyFont="1" applyFill="1" applyBorder="1" applyAlignment="1">
      <alignment horizontal="right" vertical="center"/>
    </xf>
    <xf numFmtId="0" fontId="14" fillId="0" borderId="36" xfId="0" applyFont="1" applyFill="1" applyBorder="1">
      <alignment vertical="center"/>
    </xf>
    <xf numFmtId="0" fontId="14" fillId="0" borderId="60" xfId="12" applyFont="1" applyFill="1" applyBorder="1" applyAlignment="1" applyProtection="1">
      <alignment horizontal="right" vertical="center"/>
    </xf>
    <xf numFmtId="0" fontId="14" fillId="0" borderId="61" xfId="12" applyFont="1" applyFill="1" applyBorder="1" applyAlignment="1" applyProtection="1">
      <alignment horizontal="right" vertical="center"/>
    </xf>
    <xf numFmtId="0" fontId="14" fillId="0" borderId="44" xfId="12" applyFont="1" applyFill="1" applyBorder="1" applyAlignment="1" applyProtection="1">
      <alignment horizontal="right" vertical="center"/>
    </xf>
    <xf numFmtId="0" fontId="14" fillId="0" borderId="84" xfId="12" applyFont="1" applyFill="1" applyBorder="1" applyAlignment="1" applyProtection="1">
      <alignment horizontal="right" vertical="center"/>
    </xf>
    <xf numFmtId="0" fontId="14" fillId="0" borderId="58" xfId="12" applyFont="1" applyFill="1" applyBorder="1" applyAlignment="1" applyProtection="1">
      <alignment horizontal="right" vertical="center"/>
    </xf>
    <xf numFmtId="0" fontId="14" fillId="0" borderId="90" xfId="12" applyFont="1" applyFill="1" applyBorder="1" applyAlignment="1" applyProtection="1">
      <alignment horizontal="right" vertical="center"/>
    </xf>
    <xf numFmtId="0" fontId="14" fillId="0" borderId="74" xfId="0" applyFont="1" applyFill="1" applyBorder="1">
      <alignment vertical="center"/>
    </xf>
    <xf numFmtId="0" fontId="14" fillId="0" borderId="91" xfId="0" applyFont="1" applyFill="1" applyBorder="1" applyAlignment="1">
      <alignment horizontal="right" vertical="center"/>
    </xf>
    <xf numFmtId="0" fontId="14" fillId="0" borderId="71" xfId="0" applyFont="1" applyFill="1" applyBorder="1" applyAlignment="1">
      <alignment horizontal="right" vertical="center"/>
    </xf>
    <xf numFmtId="176" fontId="14" fillId="0" borderId="63" xfId="2" applyNumberFormat="1" applyFont="1" applyFill="1" applyBorder="1" applyAlignment="1">
      <alignment horizontal="right" vertical="center"/>
    </xf>
    <xf numFmtId="0" fontId="14" fillId="0" borderId="25" xfId="0" applyFont="1" applyFill="1" applyBorder="1">
      <alignment vertical="center"/>
    </xf>
    <xf numFmtId="0" fontId="14" fillId="0" borderId="47" xfId="0" applyFont="1" applyFill="1" applyBorder="1">
      <alignment vertical="center"/>
    </xf>
    <xf numFmtId="0" fontId="14" fillId="0" borderId="48" xfId="0" applyFont="1" applyFill="1" applyBorder="1" applyAlignment="1">
      <alignment horizontal="right" vertical="center"/>
    </xf>
    <xf numFmtId="176" fontId="14" fillId="0" borderId="22" xfId="2" applyNumberFormat="1" applyFont="1" applyFill="1" applyBorder="1" applyAlignment="1">
      <alignment horizontal="right" vertical="center"/>
    </xf>
    <xf numFmtId="0" fontId="14" fillId="0" borderId="74" xfId="0" applyNumberFormat="1" applyFont="1" applyFill="1" applyBorder="1">
      <alignment vertical="center"/>
    </xf>
    <xf numFmtId="0" fontId="14" fillId="0" borderId="0" xfId="0" applyNumberFormat="1" applyFont="1" applyFill="1" applyBorder="1">
      <alignment vertical="center"/>
    </xf>
    <xf numFmtId="0" fontId="14" fillId="0" borderId="110" xfId="0" applyNumberFormat="1" applyFont="1" applyFill="1" applyBorder="1" applyAlignment="1">
      <alignment horizontal="center" vertical="center"/>
    </xf>
    <xf numFmtId="38" fontId="14" fillId="0" borderId="3" xfId="0" applyNumberFormat="1" applyFont="1" applyFill="1" applyBorder="1" applyAlignment="1">
      <alignment horizontal="right" vertical="center"/>
    </xf>
    <xf numFmtId="0" fontId="14" fillId="0" borderId="4" xfId="0" applyNumberFormat="1" applyFont="1" applyFill="1" applyBorder="1" applyAlignment="1">
      <alignment horizontal="right" vertical="center"/>
    </xf>
    <xf numFmtId="38" fontId="14" fillId="0" borderId="44" xfId="0" applyNumberFormat="1" applyFont="1" applyFill="1" applyBorder="1" applyAlignment="1">
      <alignment horizontal="right" vertical="center"/>
    </xf>
    <xf numFmtId="0" fontId="14" fillId="0" borderId="7" xfId="0" applyNumberFormat="1" applyFont="1" applyFill="1" applyBorder="1" applyAlignment="1">
      <alignment horizontal="right" vertical="center"/>
    </xf>
    <xf numFmtId="0" fontId="16" fillId="0" borderId="0" xfId="0" applyNumberFormat="1" applyFont="1" applyFill="1" applyAlignment="1">
      <alignment vertical="center" wrapText="1"/>
    </xf>
    <xf numFmtId="0" fontId="14" fillId="0" borderId="136" xfId="12" applyFont="1" applyFill="1" applyBorder="1" applyAlignment="1" applyProtection="1">
      <alignment horizontal="right" vertical="center"/>
    </xf>
    <xf numFmtId="0" fontId="14" fillId="0" borderId="133" xfId="12" applyFont="1" applyFill="1" applyBorder="1" applyAlignment="1" applyProtection="1">
      <alignment horizontal="right" vertical="center"/>
    </xf>
    <xf numFmtId="0" fontId="14" fillId="0" borderId="0" xfId="12" applyNumberFormat="1" applyFont="1" applyFill="1" applyBorder="1" applyAlignment="1" applyProtection="1">
      <alignment vertical="center"/>
    </xf>
    <xf numFmtId="176" fontId="14" fillId="0" borderId="45" xfId="2" applyNumberFormat="1" applyFont="1" applyFill="1" applyBorder="1" applyAlignment="1">
      <alignment horizontal="right" vertical="center"/>
    </xf>
    <xf numFmtId="0" fontId="14" fillId="0" borderId="4" xfId="1" applyNumberFormat="1" applyFont="1" applyFill="1" applyBorder="1" applyAlignment="1">
      <alignment horizontal="right" vertical="center"/>
    </xf>
    <xf numFmtId="0" fontId="14" fillId="0" borderId="37" xfId="0" applyFont="1" applyFill="1" applyBorder="1">
      <alignment vertical="center"/>
    </xf>
    <xf numFmtId="176" fontId="14" fillId="0" borderId="62" xfId="2" applyNumberFormat="1" applyFont="1" applyFill="1" applyBorder="1" applyAlignment="1">
      <alignment horizontal="center" vertical="center"/>
    </xf>
    <xf numFmtId="0" fontId="14" fillId="0" borderId="17" xfId="2" applyNumberFormat="1" applyFont="1" applyFill="1" applyBorder="1" applyAlignment="1">
      <alignment horizontal="center" vertical="center"/>
    </xf>
    <xf numFmtId="176" fontId="14" fillId="0" borderId="62" xfId="2" applyNumberFormat="1" applyFont="1" applyFill="1" applyBorder="1" applyAlignment="1">
      <alignment horizontal="right" vertical="center"/>
    </xf>
    <xf numFmtId="0" fontId="14" fillId="0" borderId="28" xfId="0" applyFont="1" applyFill="1" applyBorder="1">
      <alignment vertical="center"/>
    </xf>
    <xf numFmtId="0" fontId="14" fillId="0" borderId="48" xfId="0" applyFont="1" applyFill="1" applyBorder="1">
      <alignment vertical="center"/>
    </xf>
    <xf numFmtId="0" fontId="14" fillId="0" borderId="31" xfId="0" applyFont="1" applyFill="1" applyBorder="1">
      <alignment vertical="center"/>
    </xf>
    <xf numFmtId="176" fontId="14" fillId="0" borderId="14" xfId="2" applyNumberFormat="1" applyFont="1" applyFill="1" applyBorder="1" applyAlignment="1">
      <alignment horizontal="center" vertical="center"/>
    </xf>
    <xf numFmtId="0" fontId="14" fillId="0" borderId="33" xfId="0" applyFont="1" applyFill="1" applyBorder="1">
      <alignment vertical="center"/>
    </xf>
    <xf numFmtId="0" fontId="16" fillId="0" borderId="0" xfId="0" applyFont="1" applyFill="1">
      <alignment vertical="center"/>
    </xf>
    <xf numFmtId="0" fontId="14" fillId="0" borderId="91" xfId="0" applyFont="1" applyFill="1" applyBorder="1">
      <alignment vertical="center"/>
    </xf>
    <xf numFmtId="38" fontId="14" fillId="0" borderId="64" xfId="1" applyFont="1" applyFill="1" applyBorder="1">
      <alignment vertical="center"/>
    </xf>
    <xf numFmtId="38" fontId="14" fillId="0" borderId="65" xfId="1" applyFont="1" applyFill="1" applyBorder="1">
      <alignment vertical="center"/>
    </xf>
    <xf numFmtId="38" fontId="14" fillId="0" borderId="20" xfId="0" applyNumberFormat="1" applyFont="1" applyFill="1" applyBorder="1">
      <alignment vertical="center"/>
    </xf>
    <xf numFmtId="38" fontId="14" fillId="0" borderId="22" xfId="0" applyNumberFormat="1" applyFont="1" applyFill="1" applyBorder="1">
      <alignment vertical="center"/>
    </xf>
    <xf numFmtId="176" fontId="14" fillId="0" borderId="33" xfId="2" applyNumberFormat="1" applyFont="1" applyFill="1" applyBorder="1" applyAlignment="1">
      <alignment horizontal="right" vertical="center"/>
    </xf>
    <xf numFmtId="0" fontId="14" fillId="0" borderId="20" xfId="0" applyFont="1" applyFill="1" applyBorder="1">
      <alignment vertical="center"/>
    </xf>
    <xf numFmtId="0" fontId="14" fillId="0" borderId="22" xfId="0" applyFont="1" applyFill="1" applyBorder="1">
      <alignment vertical="center"/>
    </xf>
    <xf numFmtId="0" fontId="14" fillId="0" borderId="46" xfId="0" applyFont="1" applyFill="1" applyBorder="1" applyAlignment="1">
      <alignment horizontal="center" vertical="center" wrapText="1"/>
    </xf>
    <xf numFmtId="0" fontId="14" fillId="0" borderId="82" xfId="0" applyFont="1" applyFill="1" applyBorder="1" applyAlignment="1">
      <alignment horizontal="center" vertical="center" wrapText="1"/>
    </xf>
    <xf numFmtId="0" fontId="14" fillId="0" borderId="112" xfId="0" applyFont="1" applyFill="1" applyBorder="1" applyAlignment="1">
      <alignment horizontal="center" vertical="center" wrapText="1"/>
    </xf>
    <xf numFmtId="0" fontId="16" fillId="0" borderId="67" xfId="0" applyFont="1" applyFill="1" applyBorder="1" applyAlignment="1">
      <alignment horizontal="center" vertical="center"/>
    </xf>
    <xf numFmtId="0" fontId="14" fillId="0" borderId="24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right" vertical="center"/>
    </xf>
    <xf numFmtId="0" fontId="14" fillId="0" borderId="3" xfId="2" applyNumberFormat="1" applyFont="1" applyFill="1" applyBorder="1" applyAlignment="1">
      <alignment horizontal="right" vertical="center"/>
    </xf>
    <xf numFmtId="0" fontId="14" fillId="0" borderId="17" xfId="0" applyNumberFormat="1" applyFont="1" applyFill="1" applyBorder="1" applyAlignment="1">
      <alignment horizontal="right" vertical="center"/>
    </xf>
    <xf numFmtId="0" fontId="14" fillId="0" borderId="127" xfId="0" applyFont="1" applyFill="1" applyBorder="1" applyAlignment="1">
      <alignment horizontal="center" vertical="center"/>
    </xf>
    <xf numFmtId="0" fontId="14" fillId="0" borderId="12" xfId="0" applyFont="1" applyFill="1" applyBorder="1" applyAlignment="1">
      <alignment horizontal="right" vertical="center"/>
    </xf>
    <xf numFmtId="0" fontId="14" fillId="0" borderId="45" xfId="2" applyNumberFormat="1" applyFont="1" applyFill="1" applyBorder="1" applyAlignment="1">
      <alignment horizontal="right" vertical="center"/>
    </xf>
    <xf numFmtId="0" fontId="14" fillId="0" borderId="13" xfId="0" applyNumberFormat="1" applyFont="1" applyFill="1" applyBorder="1" applyAlignment="1">
      <alignment horizontal="right" vertical="center"/>
    </xf>
    <xf numFmtId="0" fontId="14" fillId="0" borderId="14" xfId="0" applyNumberFormat="1" applyFont="1" applyFill="1" applyBorder="1" applyAlignment="1">
      <alignment horizontal="right" vertical="center"/>
    </xf>
    <xf numFmtId="0" fontId="14" fillId="0" borderId="49" xfId="0" applyFont="1" applyFill="1" applyBorder="1" applyAlignment="1">
      <alignment horizontal="right" vertical="center"/>
    </xf>
    <xf numFmtId="0" fontId="14" fillId="0" borderId="50" xfId="0" applyNumberFormat="1" applyFont="1" applyFill="1" applyBorder="1" applyAlignment="1">
      <alignment horizontal="right" vertical="center"/>
    </xf>
    <xf numFmtId="0" fontId="14" fillId="0" borderId="23" xfId="0" applyNumberFormat="1" applyFont="1" applyFill="1" applyBorder="1" applyAlignment="1">
      <alignment horizontal="right" vertical="center"/>
    </xf>
    <xf numFmtId="0" fontId="16" fillId="0" borderId="0" xfId="0" applyFont="1" applyFill="1" applyBorder="1">
      <alignment vertical="center"/>
    </xf>
    <xf numFmtId="0" fontId="14" fillId="0" borderId="0" xfId="8" applyFont="1" applyFill="1" applyAlignment="1">
      <alignment horizontal="left" vertical="center"/>
    </xf>
    <xf numFmtId="0" fontId="14" fillId="0" borderId="109" xfId="8" applyFont="1" applyFill="1" applyBorder="1" applyAlignment="1">
      <alignment horizontal="center" vertical="center" wrapText="1"/>
    </xf>
    <xf numFmtId="0" fontId="14" fillId="0" borderId="110" xfId="8" applyFont="1" applyFill="1" applyBorder="1" applyAlignment="1">
      <alignment horizontal="center" vertical="center" wrapText="1"/>
    </xf>
    <xf numFmtId="0" fontId="16" fillId="0" borderId="66" xfId="8" applyFont="1" applyFill="1" applyBorder="1" applyAlignment="1">
      <alignment horizontal="center" vertical="center" wrapText="1"/>
    </xf>
    <xf numFmtId="0" fontId="14" fillId="0" borderId="66" xfId="8" applyFont="1" applyFill="1" applyBorder="1" applyAlignment="1">
      <alignment horizontal="center" vertical="center" wrapText="1"/>
    </xf>
    <xf numFmtId="0" fontId="16" fillId="0" borderId="110" xfId="8" applyFont="1" applyFill="1" applyBorder="1" applyAlignment="1">
      <alignment horizontal="center" vertical="center" wrapText="1"/>
    </xf>
    <xf numFmtId="0" fontId="14" fillId="0" borderId="113" xfId="8" applyFont="1" applyFill="1" applyBorder="1" applyAlignment="1">
      <alignment horizontal="center" vertical="center" wrapText="1"/>
    </xf>
    <xf numFmtId="0" fontId="14" fillId="0" borderId="15" xfId="8" applyFont="1" applyFill="1" applyBorder="1" applyAlignment="1">
      <alignment horizontal="center" vertical="center"/>
    </xf>
    <xf numFmtId="0" fontId="14" fillId="0" borderId="3" xfId="8" applyFont="1" applyFill="1" applyBorder="1" applyAlignment="1">
      <alignment horizontal="right" vertical="center"/>
    </xf>
    <xf numFmtId="0" fontId="14" fillId="0" borderId="4" xfId="8" applyFont="1" applyFill="1" applyBorder="1" applyAlignment="1">
      <alignment horizontal="right" vertical="center"/>
    </xf>
    <xf numFmtId="0" fontId="14" fillId="0" borderId="80" xfId="8" applyFont="1" applyFill="1" applyBorder="1" applyAlignment="1">
      <alignment horizontal="right" vertical="center"/>
    </xf>
    <xf numFmtId="0" fontId="14" fillId="0" borderId="17" xfId="8" applyFont="1" applyFill="1" applyBorder="1" applyAlignment="1">
      <alignment horizontal="right" vertical="center"/>
    </xf>
    <xf numFmtId="0" fontId="14" fillId="0" borderId="142" xfId="0" applyNumberFormat="1" applyFont="1" applyFill="1" applyBorder="1" applyAlignment="1">
      <alignment horizontal="right" vertical="center"/>
    </xf>
    <xf numFmtId="0" fontId="14" fillId="0" borderId="124" xfId="8" applyFont="1" applyFill="1" applyBorder="1" applyAlignment="1">
      <alignment horizontal="center" vertical="center"/>
    </xf>
    <xf numFmtId="0" fontId="14" fillId="0" borderId="45" xfId="8" applyFont="1" applyFill="1" applyBorder="1" applyAlignment="1">
      <alignment horizontal="right" vertical="center"/>
    </xf>
    <xf numFmtId="0" fontId="14" fillId="0" borderId="13" xfId="8" applyFont="1" applyFill="1" applyBorder="1" applyAlignment="1">
      <alignment horizontal="right" vertical="center"/>
    </xf>
    <xf numFmtId="0" fontId="14" fillId="0" borderId="14" xfId="8" applyFont="1" applyFill="1" applyBorder="1" applyAlignment="1">
      <alignment horizontal="right" vertical="center"/>
    </xf>
    <xf numFmtId="0" fontId="14" fillId="0" borderId="77" xfId="0" applyNumberFormat="1" applyFont="1" applyFill="1" applyBorder="1" applyAlignment="1">
      <alignment horizontal="right" vertical="center"/>
    </xf>
    <xf numFmtId="0" fontId="14" fillId="0" borderId="122" xfId="8" applyFont="1" applyFill="1" applyBorder="1" applyAlignment="1">
      <alignment horizontal="center" vertical="center"/>
    </xf>
    <xf numFmtId="0" fontId="14" fillId="0" borderId="55" xfId="8" applyFont="1" applyFill="1" applyBorder="1" applyAlignment="1">
      <alignment horizontal="center" vertical="center"/>
    </xf>
    <xf numFmtId="0" fontId="14" fillId="0" borderId="0" xfId="8" applyFont="1" applyFill="1" applyBorder="1" applyAlignment="1">
      <alignment horizontal="center" vertical="center"/>
    </xf>
    <xf numFmtId="0" fontId="14" fillId="0" borderId="0" xfId="0" applyNumberFormat="1" applyFont="1" applyFill="1" applyBorder="1" applyAlignment="1">
      <alignment horizontal="right" vertical="center"/>
    </xf>
    <xf numFmtId="0" fontId="12" fillId="0" borderId="0" xfId="8" applyFont="1" applyFill="1" applyAlignment="1">
      <alignment horizontal="left" vertical="center"/>
    </xf>
    <xf numFmtId="0" fontId="14" fillId="0" borderId="112" xfId="13" applyFont="1" applyFill="1" applyBorder="1" applyAlignment="1">
      <alignment horizontal="center" vertical="center"/>
    </xf>
    <xf numFmtId="0" fontId="14" fillId="0" borderId="113" xfId="13" applyFont="1" applyFill="1" applyBorder="1" applyAlignment="1">
      <alignment horizontal="center" vertical="center"/>
    </xf>
    <xf numFmtId="0" fontId="14" fillId="0" borderId="137" xfId="13" applyFont="1" applyFill="1" applyBorder="1" applyAlignment="1">
      <alignment horizontal="center" vertical="center"/>
    </xf>
    <xf numFmtId="0" fontId="14" fillId="0" borderId="16" xfId="13" applyFont="1" applyFill="1" applyBorder="1" applyAlignment="1">
      <alignment horizontal="center" vertical="center"/>
    </xf>
    <xf numFmtId="0" fontId="14" fillId="0" borderId="62" xfId="13" applyFont="1" applyFill="1" applyBorder="1" applyAlignment="1">
      <alignment horizontal="left" vertical="center"/>
    </xf>
    <xf numFmtId="0" fontId="14" fillId="0" borderId="6" xfId="13" applyFont="1" applyFill="1" applyBorder="1" applyAlignment="1">
      <alignment horizontal="left" vertical="center"/>
    </xf>
    <xf numFmtId="0" fontId="14" fillId="0" borderId="16" xfId="13" applyFont="1" applyFill="1" applyBorder="1" applyAlignment="1">
      <alignment horizontal="right" vertical="center"/>
    </xf>
    <xf numFmtId="0" fontId="14" fillId="0" borderId="62" xfId="13" applyFont="1" applyFill="1" applyBorder="1" applyAlignment="1">
      <alignment horizontal="right" vertical="center"/>
    </xf>
    <xf numFmtId="0" fontId="14" fillId="0" borderId="138" xfId="13" applyFont="1" applyFill="1" applyBorder="1" applyAlignment="1">
      <alignment vertical="center"/>
    </xf>
    <xf numFmtId="0" fontId="14" fillId="0" borderId="18" xfId="13" applyFont="1" applyFill="1" applyBorder="1" applyAlignment="1">
      <alignment horizontal="center" vertical="center"/>
    </xf>
    <xf numFmtId="0" fontId="14" fillId="0" borderId="84" xfId="13" applyFont="1" applyFill="1" applyBorder="1" applyAlignment="1">
      <alignment horizontal="left" vertical="center"/>
    </xf>
    <xf numFmtId="0" fontId="14" fillId="0" borderId="38" xfId="13" applyFont="1" applyFill="1" applyBorder="1" applyAlignment="1">
      <alignment horizontal="left" vertical="center"/>
    </xf>
    <xf numFmtId="0" fontId="14" fillId="0" borderId="18" xfId="13" applyFont="1" applyFill="1" applyBorder="1" applyAlignment="1">
      <alignment horizontal="right" vertical="center"/>
    </xf>
    <xf numFmtId="0" fontId="14" fillId="0" borderId="84" xfId="13" applyFont="1" applyFill="1" applyBorder="1" applyAlignment="1">
      <alignment horizontal="right" vertical="center"/>
    </xf>
    <xf numFmtId="0" fontId="14" fillId="0" borderId="78" xfId="13" applyFont="1" applyFill="1" applyBorder="1" applyAlignment="1">
      <alignment vertical="center"/>
    </xf>
    <xf numFmtId="0" fontId="14" fillId="0" borderId="39" xfId="13" applyFont="1" applyFill="1" applyBorder="1" applyAlignment="1">
      <alignment horizontal="right" vertical="center"/>
    </xf>
    <xf numFmtId="0" fontId="14" fillId="0" borderId="30" xfId="13" applyFont="1" applyFill="1" applyBorder="1" applyAlignment="1">
      <alignment vertical="center"/>
    </xf>
    <xf numFmtId="0" fontId="14" fillId="0" borderId="65" xfId="13" applyFont="1" applyFill="1" applyBorder="1" applyAlignment="1">
      <alignment horizontal="center" vertical="center" wrapText="1" shrinkToFit="1"/>
    </xf>
    <xf numFmtId="0" fontId="14" fillId="0" borderId="5" xfId="13" applyFont="1" applyFill="1" applyBorder="1" applyAlignment="1">
      <alignment horizontal="left" vertical="center"/>
    </xf>
    <xf numFmtId="0" fontId="14" fillId="0" borderId="8" xfId="13" applyFont="1" applyFill="1" applyBorder="1" applyAlignment="1">
      <alignment horizontal="left" vertical="center" wrapText="1" shrinkToFit="1"/>
    </xf>
    <xf numFmtId="0" fontId="14" fillId="0" borderId="18" xfId="13" applyFont="1" applyFill="1" applyBorder="1" applyAlignment="1">
      <alignment horizontal="right" vertical="center" wrapText="1" shrinkToFit="1"/>
    </xf>
    <xf numFmtId="0" fontId="14" fillId="0" borderId="12" xfId="13" applyFont="1" applyFill="1" applyBorder="1" applyAlignment="1">
      <alignment horizontal="center" vertical="center"/>
    </xf>
    <xf numFmtId="0" fontId="14" fillId="0" borderId="46" xfId="13" applyFont="1" applyFill="1" applyBorder="1" applyAlignment="1">
      <alignment horizontal="left" vertical="center"/>
    </xf>
    <xf numFmtId="0" fontId="14" fillId="0" borderId="40" xfId="13" applyFont="1" applyFill="1" applyBorder="1" applyAlignment="1">
      <alignment horizontal="left" vertical="center"/>
    </xf>
    <xf numFmtId="0" fontId="14" fillId="0" borderId="12" xfId="13" applyFont="1" applyFill="1" applyBorder="1" applyAlignment="1">
      <alignment horizontal="right" vertical="center"/>
    </xf>
    <xf numFmtId="0" fontId="14" fillId="0" borderId="46" xfId="13" applyFont="1" applyFill="1" applyBorder="1" applyAlignment="1">
      <alignment horizontal="right" vertical="center"/>
    </xf>
    <xf numFmtId="0" fontId="14" fillId="0" borderId="77" xfId="13" applyFont="1" applyFill="1" applyBorder="1" applyAlignment="1">
      <alignment vertical="center"/>
    </xf>
    <xf numFmtId="0" fontId="14" fillId="0" borderId="32" xfId="13" applyFont="1" applyFill="1" applyBorder="1" applyAlignment="1">
      <alignment vertical="center"/>
    </xf>
    <xf numFmtId="0" fontId="14" fillId="0" borderId="140" xfId="13" applyFont="1" applyFill="1" applyBorder="1" applyAlignment="1">
      <alignment vertical="center"/>
    </xf>
    <xf numFmtId="0" fontId="14" fillId="0" borderId="49" xfId="13" applyFont="1" applyFill="1" applyBorder="1" applyAlignment="1">
      <alignment vertical="center"/>
    </xf>
    <xf numFmtId="0" fontId="14" fillId="0" borderId="104" xfId="13" applyFont="1" applyFill="1" applyBorder="1" applyAlignment="1">
      <alignment vertical="center"/>
    </xf>
    <xf numFmtId="0" fontId="14" fillId="0" borderId="139" xfId="13" applyFont="1" applyFill="1" applyBorder="1" applyAlignment="1">
      <alignment vertical="center"/>
    </xf>
    <xf numFmtId="177" fontId="14" fillId="0" borderId="0" xfId="1" applyNumberFormat="1" applyFont="1" applyFill="1" applyBorder="1">
      <alignment vertical="center"/>
    </xf>
    <xf numFmtId="0" fontId="14" fillId="0" borderId="82" xfId="0" applyFont="1" applyFill="1" applyBorder="1" applyAlignment="1">
      <alignment horizontal="center" vertical="center"/>
    </xf>
    <xf numFmtId="0" fontId="14" fillId="0" borderId="119" xfId="0" applyFont="1" applyFill="1" applyBorder="1" applyAlignment="1">
      <alignment horizontal="center" vertical="center"/>
    </xf>
    <xf numFmtId="0" fontId="14" fillId="0" borderId="112" xfId="0" applyFont="1" applyFill="1" applyBorder="1" applyAlignment="1">
      <alignment horizontal="center" vertical="center"/>
    </xf>
    <xf numFmtId="0" fontId="14" fillId="0" borderId="67" xfId="0" applyFont="1" applyFill="1" applyBorder="1" applyAlignment="1">
      <alignment horizontal="center" vertical="center"/>
    </xf>
    <xf numFmtId="0" fontId="14" fillId="0" borderId="111" xfId="0" applyFont="1" applyFill="1" applyBorder="1" applyAlignment="1">
      <alignment horizontal="center" vertical="center"/>
    </xf>
    <xf numFmtId="0" fontId="14" fillId="0" borderId="9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horizontal="center" vertical="center"/>
    </xf>
    <xf numFmtId="0" fontId="14" fillId="0" borderId="11" xfId="0" applyFont="1" applyFill="1" applyBorder="1" applyAlignment="1">
      <alignment horizontal="center" vertical="center"/>
    </xf>
    <xf numFmtId="0" fontId="14" fillId="0" borderId="25" xfId="0" applyFont="1" applyFill="1" applyBorder="1" applyAlignment="1">
      <alignment horizontal="center" vertical="center"/>
    </xf>
    <xf numFmtId="0" fontId="14" fillId="0" borderId="36" xfId="0" applyFont="1" applyFill="1" applyBorder="1" applyAlignment="1">
      <alignment horizontal="center" vertical="center"/>
    </xf>
    <xf numFmtId="0" fontId="14" fillId="0" borderId="121" xfId="0" applyFont="1" applyFill="1" applyBorder="1" applyAlignment="1">
      <alignment horizontal="center" vertical="center"/>
    </xf>
    <xf numFmtId="0" fontId="14" fillId="0" borderId="125" xfId="0" applyFont="1" applyFill="1" applyBorder="1" applyAlignment="1">
      <alignment horizontal="center" vertical="center"/>
    </xf>
    <xf numFmtId="0" fontId="14" fillId="0" borderId="83" xfId="0" applyFont="1" applyFill="1" applyBorder="1" applyAlignment="1">
      <alignment horizontal="center" vertical="center"/>
    </xf>
    <xf numFmtId="0" fontId="14" fillId="0" borderId="115" xfId="0" applyFont="1" applyFill="1" applyBorder="1" applyAlignment="1">
      <alignment horizontal="center" vertical="center"/>
    </xf>
    <xf numFmtId="0" fontId="14" fillId="0" borderId="51" xfId="0" applyFont="1" applyFill="1" applyBorder="1" applyAlignment="1">
      <alignment horizontal="center" vertical="center"/>
    </xf>
    <xf numFmtId="0" fontId="14" fillId="0" borderId="72" xfId="0" applyFont="1" applyFill="1" applyBorder="1" applyAlignment="1">
      <alignment horizontal="center" vertical="center"/>
    </xf>
    <xf numFmtId="0" fontId="14" fillId="0" borderId="114" xfId="0" applyFont="1" applyFill="1" applyBorder="1" applyAlignment="1">
      <alignment horizontal="center" vertical="center"/>
    </xf>
    <xf numFmtId="0" fontId="14" fillId="0" borderId="26" xfId="0" applyFont="1" applyFill="1" applyBorder="1" applyAlignment="1">
      <alignment horizontal="center" vertical="center" wrapText="1"/>
    </xf>
    <xf numFmtId="0" fontId="14" fillId="0" borderId="73" xfId="0" applyFont="1" applyFill="1" applyBorder="1" applyAlignment="1">
      <alignment horizontal="center" vertical="center"/>
    </xf>
    <xf numFmtId="0" fontId="14" fillId="0" borderId="27" xfId="0" applyFont="1" applyFill="1" applyBorder="1" applyAlignment="1">
      <alignment horizontal="center" vertical="center"/>
    </xf>
    <xf numFmtId="0" fontId="14" fillId="0" borderId="74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horizontal="center" vertical="center"/>
    </xf>
    <xf numFmtId="0" fontId="14" fillId="0" borderId="91" xfId="0" applyFont="1" applyFill="1" applyBorder="1" applyAlignment="1">
      <alignment horizontal="center" vertical="center"/>
    </xf>
    <xf numFmtId="57" fontId="14" fillId="0" borderId="36" xfId="3" applyNumberFormat="1" applyFont="1" applyFill="1" applyBorder="1" applyAlignment="1">
      <alignment horizontal="center" vertical="center" wrapText="1"/>
    </xf>
    <xf numFmtId="57" fontId="14" fillId="0" borderId="34" xfId="3" applyNumberFormat="1" applyFont="1" applyFill="1" applyBorder="1" applyAlignment="1">
      <alignment horizontal="center" vertical="center" wrapText="1"/>
    </xf>
    <xf numFmtId="57" fontId="14" fillId="0" borderId="35" xfId="3" applyNumberFormat="1" applyFont="1" applyFill="1" applyBorder="1" applyAlignment="1">
      <alignment horizontal="center" vertical="center" wrapText="1"/>
    </xf>
    <xf numFmtId="57" fontId="14" fillId="0" borderId="47" xfId="3" applyNumberFormat="1" applyFont="1" applyFill="1" applyBorder="1" applyAlignment="1">
      <alignment horizontal="center" vertical="center" wrapText="1"/>
    </xf>
    <xf numFmtId="57" fontId="14" fillId="0" borderId="48" xfId="3" applyNumberFormat="1" applyFont="1" applyFill="1" applyBorder="1" applyAlignment="1">
      <alignment horizontal="center" vertical="center" wrapText="1"/>
    </xf>
    <xf numFmtId="57" fontId="14" fillId="0" borderId="25" xfId="3" applyNumberFormat="1" applyFont="1" applyFill="1" applyBorder="1" applyAlignment="1">
      <alignment horizontal="center" vertical="center" wrapText="1"/>
    </xf>
    <xf numFmtId="57" fontId="14" fillId="0" borderId="49" xfId="3" applyNumberFormat="1" applyFont="1" applyFill="1" applyBorder="1" applyAlignment="1">
      <alignment horizontal="center" vertical="center" wrapText="1"/>
    </xf>
    <xf numFmtId="57" fontId="14" fillId="0" borderId="50" xfId="3" applyNumberFormat="1" applyFont="1" applyFill="1" applyBorder="1" applyAlignment="1">
      <alignment horizontal="center" vertical="center" wrapText="1"/>
    </xf>
    <xf numFmtId="57" fontId="14" fillId="0" borderId="104" xfId="3" applyNumberFormat="1" applyFont="1" applyFill="1" applyBorder="1" applyAlignment="1">
      <alignment horizontal="center" vertical="center" wrapText="1"/>
    </xf>
    <xf numFmtId="0" fontId="14" fillId="0" borderId="26" xfId="3" applyFont="1" applyFill="1" applyBorder="1" applyAlignment="1">
      <alignment horizontal="center" vertical="center"/>
    </xf>
    <xf numFmtId="0" fontId="14" fillId="0" borderId="73" xfId="3" applyFont="1" applyFill="1" applyBorder="1" applyAlignment="1">
      <alignment horizontal="center" vertical="center"/>
    </xf>
    <xf numFmtId="0" fontId="14" fillId="0" borderId="27" xfId="3" applyFont="1" applyFill="1" applyBorder="1" applyAlignment="1">
      <alignment horizontal="center" vertical="center"/>
    </xf>
    <xf numFmtId="0" fontId="14" fillId="0" borderId="36" xfId="3" applyFont="1" applyFill="1" applyBorder="1" applyAlignment="1">
      <alignment horizontal="center" vertical="center"/>
    </xf>
    <xf numFmtId="0" fontId="14" fillId="0" borderId="34" xfId="3" applyFont="1" applyFill="1" applyBorder="1" applyAlignment="1">
      <alignment horizontal="center" vertical="center"/>
    </xf>
    <xf numFmtId="0" fontId="14" fillId="0" borderId="73" xfId="0" applyFont="1" applyFill="1" applyBorder="1" applyAlignment="1">
      <alignment horizontal="center" vertical="center" wrapText="1"/>
    </xf>
    <xf numFmtId="0" fontId="14" fillId="0" borderId="96" xfId="0" applyFont="1" applyFill="1" applyBorder="1" applyAlignment="1">
      <alignment horizontal="center" vertical="center"/>
    </xf>
    <xf numFmtId="0" fontId="14" fillId="0" borderId="97" xfId="0" applyFont="1" applyFill="1" applyBorder="1" applyAlignment="1">
      <alignment horizontal="center" vertical="center"/>
    </xf>
    <xf numFmtId="0" fontId="14" fillId="0" borderId="98" xfId="0" applyFont="1" applyFill="1" applyBorder="1" applyAlignment="1">
      <alignment horizontal="center" vertical="center"/>
    </xf>
    <xf numFmtId="0" fontId="14" fillId="0" borderId="126" xfId="0" applyFont="1" applyFill="1" applyBorder="1" applyAlignment="1">
      <alignment horizontal="center" vertical="center"/>
    </xf>
    <xf numFmtId="0" fontId="14" fillId="0" borderId="83" xfId="3" applyFont="1" applyFill="1" applyBorder="1" applyAlignment="1">
      <alignment horizontal="center" vertical="center"/>
    </xf>
    <xf numFmtId="0" fontId="14" fillId="0" borderId="88" xfId="3" applyFont="1" applyFill="1" applyBorder="1" applyAlignment="1">
      <alignment horizontal="center" vertical="center"/>
    </xf>
    <xf numFmtId="0" fontId="14" fillId="0" borderId="115" xfId="3" applyFont="1" applyFill="1" applyBorder="1" applyAlignment="1">
      <alignment horizontal="center" vertical="center"/>
    </xf>
    <xf numFmtId="0" fontId="14" fillId="0" borderId="42" xfId="0" applyFont="1" applyFill="1" applyBorder="1" applyAlignment="1">
      <alignment horizontal="center" vertical="center"/>
    </xf>
    <xf numFmtId="0" fontId="14" fillId="0" borderId="99" xfId="0" applyFont="1" applyFill="1" applyBorder="1" applyAlignment="1">
      <alignment horizontal="center" vertical="center"/>
    </xf>
    <xf numFmtId="0" fontId="14" fillId="0" borderId="74" xfId="0" applyFont="1" applyFill="1" applyBorder="1" applyAlignment="1">
      <alignment horizontal="center" vertical="center" wrapText="1"/>
    </xf>
    <xf numFmtId="0" fontId="14" fillId="0" borderId="25" xfId="0" applyFont="1" applyFill="1" applyBorder="1" applyAlignment="1">
      <alignment horizontal="center" vertical="center" wrapText="1"/>
    </xf>
    <xf numFmtId="0" fontId="14" fillId="0" borderId="130" xfId="0" applyFont="1" applyFill="1" applyBorder="1" applyAlignment="1">
      <alignment horizontal="center" vertical="center"/>
    </xf>
    <xf numFmtId="0" fontId="14" fillId="0" borderId="106" xfId="0" applyFont="1" applyFill="1" applyBorder="1" applyAlignment="1">
      <alignment horizontal="center" vertical="center"/>
    </xf>
    <xf numFmtId="0" fontId="14" fillId="0" borderId="107" xfId="0" applyFont="1" applyFill="1" applyBorder="1" applyAlignment="1">
      <alignment horizontal="center" vertical="center"/>
    </xf>
    <xf numFmtId="0" fontId="14" fillId="0" borderId="108" xfId="0" applyFont="1" applyFill="1" applyBorder="1" applyAlignment="1">
      <alignment horizontal="center" vertical="center"/>
    </xf>
    <xf numFmtId="0" fontId="14" fillId="0" borderId="0" xfId="3" applyFont="1" applyFill="1" applyBorder="1" applyAlignment="1">
      <alignment horizontal="center" vertical="center"/>
    </xf>
    <xf numFmtId="0" fontId="14" fillId="0" borderId="116" xfId="3" applyFont="1" applyFill="1" applyBorder="1" applyAlignment="1">
      <alignment horizontal="center" vertical="center"/>
    </xf>
    <xf numFmtId="0" fontId="14" fillId="0" borderId="110" xfId="0" applyFont="1" applyFill="1" applyBorder="1" applyAlignment="1">
      <alignment horizontal="center" vertical="center"/>
    </xf>
    <xf numFmtId="0" fontId="14" fillId="0" borderId="103" xfId="0" applyFont="1" applyFill="1" applyBorder="1" applyAlignment="1">
      <alignment horizontal="center" vertical="center"/>
    </xf>
    <xf numFmtId="0" fontId="14" fillId="0" borderId="89" xfId="0" applyFont="1" applyFill="1" applyBorder="1" applyAlignment="1">
      <alignment horizontal="center" vertical="center"/>
    </xf>
    <xf numFmtId="0" fontId="14" fillId="0" borderId="49" xfId="0" applyFont="1" applyFill="1" applyBorder="1" applyAlignment="1">
      <alignment horizontal="center" vertical="center"/>
    </xf>
    <xf numFmtId="0" fontId="14" fillId="0" borderId="88" xfId="0" applyFont="1" applyFill="1" applyBorder="1" applyAlignment="1">
      <alignment horizontal="center" vertical="center"/>
    </xf>
    <xf numFmtId="0" fontId="14" fillId="0" borderId="65" xfId="0" applyFont="1" applyFill="1" applyBorder="1" applyAlignment="1">
      <alignment horizontal="center" vertical="center"/>
    </xf>
    <xf numFmtId="0" fontId="14" fillId="0" borderId="61" xfId="0" applyFont="1" applyFill="1" applyBorder="1" applyAlignment="1">
      <alignment horizontal="center" vertical="center"/>
    </xf>
    <xf numFmtId="0" fontId="14" fillId="0" borderId="60" xfId="0" applyFont="1" applyFill="1" applyBorder="1" applyAlignment="1">
      <alignment horizontal="center" vertical="center"/>
    </xf>
    <xf numFmtId="0" fontId="14" fillId="0" borderId="89" xfId="12" applyFont="1" applyFill="1" applyBorder="1" applyAlignment="1" applyProtection="1">
      <alignment horizontal="center" vertical="center"/>
    </xf>
    <xf numFmtId="0" fontId="14" fillId="0" borderId="49" xfId="12" applyFont="1" applyFill="1" applyBorder="1" applyAlignment="1" applyProtection="1">
      <alignment horizontal="center" vertical="center"/>
    </xf>
    <xf numFmtId="0" fontId="14" fillId="0" borderId="121" xfId="12" applyFont="1" applyFill="1" applyBorder="1" applyAlignment="1" applyProtection="1">
      <alignment horizontal="center" vertical="center" wrapText="1"/>
    </xf>
    <xf numFmtId="0" fontId="14" fillId="0" borderId="49" xfId="12" applyFont="1" applyFill="1" applyBorder="1" applyAlignment="1" applyProtection="1">
      <alignment horizontal="center" vertical="center" wrapText="1"/>
    </xf>
    <xf numFmtId="0" fontId="14" fillId="0" borderId="34" xfId="12" applyFont="1" applyFill="1" applyBorder="1" applyAlignment="1" applyProtection="1">
      <alignment horizontal="center" vertical="center"/>
    </xf>
    <xf numFmtId="0" fontId="14" fillId="0" borderId="35" xfId="12" applyFont="1" applyFill="1" applyBorder="1" applyAlignment="1" applyProtection="1">
      <alignment horizontal="center" vertical="center"/>
    </xf>
    <xf numFmtId="0" fontId="14" fillId="0" borderId="135" xfId="12" applyFont="1" applyFill="1" applyBorder="1" applyAlignment="1" applyProtection="1">
      <alignment horizontal="center" vertical="center"/>
    </xf>
    <xf numFmtId="0" fontId="14" fillId="0" borderId="116" xfId="12" applyFont="1" applyFill="1" applyBorder="1" applyAlignment="1" applyProtection="1">
      <alignment horizontal="center" vertical="center"/>
    </xf>
    <xf numFmtId="0" fontId="14" fillId="0" borderId="28" xfId="12" applyFont="1" applyFill="1" applyBorder="1" applyAlignment="1" applyProtection="1">
      <alignment horizontal="center" vertical="center"/>
    </xf>
    <xf numFmtId="0" fontId="14" fillId="0" borderId="129" xfId="0" applyFont="1" applyFill="1" applyBorder="1" applyAlignment="1">
      <alignment horizontal="center" vertical="center"/>
    </xf>
    <xf numFmtId="0" fontId="14" fillId="0" borderId="120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16" xfId="0" applyFont="1" applyFill="1" applyBorder="1" applyAlignment="1">
      <alignment horizontal="center" vertical="center"/>
    </xf>
    <xf numFmtId="0" fontId="14" fillId="0" borderId="121" xfId="12" applyFont="1" applyFill="1" applyBorder="1" applyAlignment="1" applyProtection="1">
      <alignment horizontal="center" vertical="center"/>
    </xf>
    <xf numFmtId="0" fontId="14" fillId="0" borderId="52" xfId="0" applyFont="1" applyFill="1" applyBorder="1" applyAlignment="1">
      <alignment horizontal="center" vertical="center"/>
    </xf>
    <xf numFmtId="0" fontId="14" fillId="0" borderId="53" xfId="0" applyFont="1" applyFill="1" applyBorder="1" applyAlignment="1">
      <alignment horizontal="center" vertical="center"/>
    </xf>
    <xf numFmtId="0" fontId="14" fillId="0" borderId="59" xfId="0" applyFont="1" applyFill="1" applyBorder="1" applyAlignment="1">
      <alignment horizontal="center" vertical="center"/>
    </xf>
    <xf numFmtId="0" fontId="14" fillId="0" borderId="72" xfId="0" applyFont="1" applyFill="1" applyBorder="1" applyAlignment="1">
      <alignment horizontal="center" vertical="center" wrapText="1"/>
    </xf>
    <xf numFmtId="0" fontId="14" fillId="0" borderId="114" xfId="0" applyFont="1" applyFill="1" applyBorder="1" applyAlignment="1">
      <alignment horizontal="center" vertical="center" wrapText="1"/>
    </xf>
    <xf numFmtId="0" fontId="14" fillId="0" borderId="27" xfId="0" applyFont="1" applyFill="1" applyBorder="1" applyAlignment="1">
      <alignment horizontal="center" vertical="center" wrapText="1"/>
    </xf>
    <xf numFmtId="0" fontId="14" fillId="0" borderId="28" xfId="0" applyFont="1" applyFill="1" applyBorder="1" applyAlignment="1">
      <alignment horizontal="center" vertical="center" wrapText="1"/>
    </xf>
    <xf numFmtId="0" fontId="14" fillId="0" borderId="26" xfId="0" applyFont="1" applyFill="1" applyBorder="1" applyAlignment="1">
      <alignment horizontal="center" vertical="center"/>
    </xf>
    <xf numFmtId="0" fontId="14" fillId="0" borderId="82" xfId="13" applyFont="1" applyFill="1" applyBorder="1" applyAlignment="1">
      <alignment horizontal="center" vertical="center"/>
    </xf>
    <xf numFmtId="0" fontId="14" fillId="0" borderId="119" xfId="13" applyFont="1" applyFill="1" applyBorder="1" applyAlignment="1">
      <alignment horizontal="center" vertical="center"/>
    </xf>
    <xf numFmtId="0" fontId="14" fillId="0" borderId="111" xfId="13" applyFont="1" applyFill="1" applyBorder="1" applyAlignment="1">
      <alignment horizontal="center" vertical="center"/>
    </xf>
  </cellXfs>
  <cellStyles count="14">
    <cellStyle name="パーセント" xfId="2" builtinId="5"/>
    <cellStyle name="パーセント 2 2" xfId="5"/>
    <cellStyle name="桁区切り" xfId="1" builtinId="6"/>
    <cellStyle name="標準" xfId="0" builtinId="0"/>
    <cellStyle name="標準 2" xfId="9"/>
    <cellStyle name="標準 2 2" xfId="6"/>
    <cellStyle name="標準 2 2 2" xfId="8"/>
    <cellStyle name="標準 2 3" xfId="10"/>
    <cellStyle name="標準 2 4" xfId="11"/>
    <cellStyle name="標準 2 5 2" xfId="3"/>
    <cellStyle name="標準 3" xfId="13"/>
    <cellStyle name="標準 3 2 2" xfId="4"/>
    <cellStyle name="標準 3 2 2 2" xfId="7"/>
    <cellStyle name="標準_課程別離職状況２" xfId="12"/>
  </cellStyles>
  <dxfs count="0"/>
  <tableStyles count="0" defaultTableStyle="TableStyleMedium2" defaultPivotStyle="PivotStyleLight16"/>
  <colors>
    <mruColors>
      <color rgb="FFD9D9D9"/>
      <color rgb="FF66FF66"/>
      <color rgb="FFFF99CC"/>
      <color rgb="FFCC66FF"/>
      <color rgb="FFCCFFCC"/>
      <color rgb="FF99FF99"/>
      <color rgb="FF66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77"/>
  <sheetViews>
    <sheetView tabSelected="1" view="pageBreakPreview" zoomScale="70" zoomScaleNormal="70" zoomScaleSheetLayoutView="70" workbookViewId="0">
      <selection activeCell="D28" sqref="D28"/>
    </sheetView>
  </sheetViews>
  <sheetFormatPr defaultColWidth="14.77734375" defaultRowHeight="19.95" customHeight="1" x14ac:dyDescent="0.2"/>
  <cols>
    <col min="1" max="1" width="6.77734375" style="1" customWidth="1"/>
    <col min="2" max="2" width="6.88671875" style="1" customWidth="1"/>
    <col min="3" max="3" width="14.77734375" style="29"/>
    <col min="4" max="16384" width="14.77734375" style="1"/>
  </cols>
  <sheetData>
    <row r="1" spans="1:18" ht="19.95" customHeight="1" x14ac:dyDescent="0.2">
      <c r="A1" s="2" t="s">
        <v>75</v>
      </c>
      <c r="B1" s="3" t="s">
        <v>76</v>
      </c>
      <c r="C1" s="4"/>
    </row>
    <row r="2" spans="1:18" ht="19.95" customHeight="1" x14ac:dyDescent="0.2">
      <c r="A2" s="5"/>
      <c r="B2" s="6" t="s">
        <v>80</v>
      </c>
      <c r="C2" s="6"/>
      <c r="F2" s="144" t="s">
        <v>81</v>
      </c>
      <c r="G2" s="145"/>
    </row>
    <row r="3" spans="1:18" ht="19.95" customHeight="1" x14ac:dyDescent="0.2">
      <c r="A3" s="5"/>
      <c r="B3" s="6"/>
      <c r="C3" s="6"/>
      <c r="F3" s="144" t="s">
        <v>82</v>
      </c>
      <c r="G3" s="144" t="s">
        <v>83</v>
      </c>
    </row>
    <row r="4" spans="1:18" ht="19.95" customHeight="1" thickBot="1" x14ac:dyDescent="0.25">
      <c r="B4" s="7" t="s">
        <v>77</v>
      </c>
      <c r="C4" s="7"/>
      <c r="F4" s="144" t="s">
        <v>84</v>
      </c>
      <c r="G4" s="144" t="s">
        <v>85</v>
      </c>
      <c r="M4" s="8"/>
      <c r="N4" s="8"/>
      <c r="O4" s="30"/>
      <c r="Q4" s="153"/>
    </row>
    <row r="5" spans="1:18" ht="19.95" customHeight="1" x14ac:dyDescent="0.2">
      <c r="B5" s="451"/>
      <c r="C5" s="453" t="s">
        <v>23</v>
      </c>
      <c r="D5" s="447" t="s">
        <v>5</v>
      </c>
      <c r="E5" s="447"/>
      <c r="F5" s="447"/>
      <c r="G5" s="447"/>
      <c r="H5" s="448"/>
      <c r="I5" s="446" t="s">
        <v>3</v>
      </c>
      <c r="J5" s="447"/>
      <c r="K5" s="447"/>
      <c r="L5" s="447"/>
      <c r="M5" s="448"/>
      <c r="N5" s="446" t="s">
        <v>4</v>
      </c>
      <c r="O5" s="447"/>
      <c r="P5" s="447"/>
      <c r="Q5" s="447"/>
      <c r="R5" s="448"/>
    </row>
    <row r="6" spans="1:18" ht="20.100000000000001" customHeight="1" thickBot="1" x14ac:dyDescent="0.25">
      <c r="B6" s="452"/>
      <c r="C6" s="454"/>
      <c r="D6" s="146" t="s">
        <v>90</v>
      </c>
      <c r="E6" s="147" t="s">
        <v>86</v>
      </c>
      <c r="F6" s="147" t="s">
        <v>87</v>
      </c>
      <c r="G6" s="147" t="s">
        <v>88</v>
      </c>
      <c r="H6" s="148" t="s">
        <v>89</v>
      </c>
      <c r="I6" s="149" t="s">
        <v>90</v>
      </c>
      <c r="J6" s="147" t="s">
        <v>86</v>
      </c>
      <c r="K6" s="147" t="s">
        <v>87</v>
      </c>
      <c r="L6" s="147" t="s">
        <v>88</v>
      </c>
      <c r="M6" s="148" t="s">
        <v>89</v>
      </c>
      <c r="N6" s="149" t="s">
        <v>90</v>
      </c>
      <c r="O6" s="147" t="s">
        <v>86</v>
      </c>
      <c r="P6" s="147" t="s">
        <v>87</v>
      </c>
      <c r="Q6" s="147" t="s">
        <v>88</v>
      </c>
      <c r="R6" s="148" t="s">
        <v>89</v>
      </c>
    </row>
    <row r="7" spans="1:18" ht="19.95" customHeight="1" thickTop="1" thickBot="1" x14ac:dyDescent="0.25">
      <c r="B7" s="449" t="s">
        <v>21</v>
      </c>
      <c r="C7" s="34" t="s">
        <v>24</v>
      </c>
      <c r="D7" s="10">
        <v>4</v>
      </c>
      <c r="E7" s="11">
        <v>3</v>
      </c>
      <c r="F7" s="125">
        <v>3.5</v>
      </c>
      <c r="G7" s="11">
        <v>1</v>
      </c>
      <c r="H7" s="12">
        <v>0.2857142857142857</v>
      </c>
      <c r="I7" s="13">
        <v>1</v>
      </c>
      <c r="J7" s="11">
        <v>1</v>
      </c>
      <c r="K7" s="125">
        <v>1</v>
      </c>
      <c r="L7" s="11">
        <v>0</v>
      </c>
      <c r="M7" s="12">
        <v>0</v>
      </c>
      <c r="N7" s="13">
        <v>3</v>
      </c>
      <c r="O7" s="11">
        <v>2</v>
      </c>
      <c r="P7" s="125">
        <v>2.5</v>
      </c>
      <c r="Q7" s="11">
        <v>1</v>
      </c>
      <c r="R7" s="12">
        <v>0.4</v>
      </c>
    </row>
    <row r="8" spans="1:18" ht="19.95" customHeight="1" thickBot="1" x14ac:dyDescent="0.25">
      <c r="B8" s="450"/>
      <c r="C8" s="35" t="s">
        <v>6</v>
      </c>
      <c r="D8" s="31">
        <v>271</v>
      </c>
      <c r="E8" s="11">
        <v>263</v>
      </c>
      <c r="F8" s="125">
        <v>267</v>
      </c>
      <c r="G8" s="11">
        <v>38</v>
      </c>
      <c r="H8" s="12">
        <v>0.14232209737827714</v>
      </c>
      <c r="I8" s="15">
        <v>172</v>
      </c>
      <c r="J8" s="150">
        <v>161</v>
      </c>
      <c r="K8" s="125">
        <v>166.5</v>
      </c>
      <c r="L8" s="11">
        <v>21</v>
      </c>
      <c r="M8" s="12">
        <v>0.12612612612612611</v>
      </c>
      <c r="N8" s="15">
        <v>99</v>
      </c>
      <c r="O8" s="150">
        <v>102</v>
      </c>
      <c r="P8" s="125">
        <v>100.5</v>
      </c>
      <c r="Q8" s="11">
        <v>17</v>
      </c>
      <c r="R8" s="12">
        <v>0.1691542288557214</v>
      </c>
    </row>
    <row r="9" spans="1:18" ht="19.95" customHeight="1" thickBot="1" x14ac:dyDescent="0.25">
      <c r="B9" s="450"/>
      <c r="C9" s="35" t="s">
        <v>25</v>
      </c>
      <c r="D9" s="31">
        <v>850</v>
      </c>
      <c r="E9" s="11">
        <v>841</v>
      </c>
      <c r="F9" s="125">
        <v>845.5</v>
      </c>
      <c r="G9" s="11">
        <v>157</v>
      </c>
      <c r="H9" s="12">
        <v>0.1856889414547605</v>
      </c>
      <c r="I9" s="15">
        <v>482</v>
      </c>
      <c r="J9" s="150">
        <v>470</v>
      </c>
      <c r="K9" s="125">
        <v>476</v>
      </c>
      <c r="L9" s="11">
        <v>86</v>
      </c>
      <c r="M9" s="12">
        <v>0.18067226890756302</v>
      </c>
      <c r="N9" s="15">
        <v>368</v>
      </c>
      <c r="O9" s="150">
        <v>371</v>
      </c>
      <c r="P9" s="125">
        <v>369.5</v>
      </c>
      <c r="Q9" s="11">
        <v>71</v>
      </c>
      <c r="R9" s="12">
        <v>0.19215155615696888</v>
      </c>
    </row>
    <row r="10" spans="1:18" ht="19.95" customHeight="1" thickBot="1" x14ac:dyDescent="0.25">
      <c r="B10" s="450"/>
      <c r="C10" s="36" t="s">
        <v>29</v>
      </c>
      <c r="D10" s="132">
        <v>379</v>
      </c>
      <c r="E10" s="133">
        <v>375</v>
      </c>
      <c r="F10" s="134">
        <v>377</v>
      </c>
      <c r="G10" s="133">
        <v>39</v>
      </c>
      <c r="H10" s="135">
        <v>0.10344827586206896</v>
      </c>
      <c r="I10" s="151">
        <v>192</v>
      </c>
      <c r="J10" s="152">
        <v>191</v>
      </c>
      <c r="K10" s="134">
        <v>191.5</v>
      </c>
      <c r="L10" s="133">
        <v>15</v>
      </c>
      <c r="M10" s="135">
        <v>7.8328981723237601E-2</v>
      </c>
      <c r="N10" s="151">
        <v>187</v>
      </c>
      <c r="O10" s="152">
        <v>184</v>
      </c>
      <c r="P10" s="134">
        <v>185.5</v>
      </c>
      <c r="Q10" s="133">
        <v>24</v>
      </c>
      <c r="R10" s="135">
        <v>0.1293800539083558</v>
      </c>
    </row>
    <row r="11" spans="1:18" ht="19.95" customHeight="1" thickBot="1" x14ac:dyDescent="0.25">
      <c r="B11" s="450"/>
      <c r="C11" s="37" t="s">
        <v>7</v>
      </c>
      <c r="D11" s="42">
        <v>1504</v>
      </c>
      <c r="E11" s="130">
        <v>1482</v>
      </c>
      <c r="F11" s="131">
        <v>1493</v>
      </c>
      <c r="G11" s="130">
        <v>235</v>
      </c>
      <c r="H11" s="123">
        <v>0.15740120562625587</v>
      </c>
      <c r="I11" s="46">
        <v>847</v>
      </c>
      <c r="J11" s="130">
        <v>823</v>
      </c>
      <c r="K11" s="131">
        <v>835</v>
      </c>
      <c r="L11" s="130">
        <v>122</v>
      </c>
      <c r="M11" s="123">
        <v>0.14610778443113773</v>
      </c>
      <c r="N11" s="46">
        <v>657</v>
      </c>
      <c r="O11" s="130">
        <v>659</v>
      </c>
      <c r="P11" s="131">
        <v>658</v>
      </c>
      <c r="Q11" s="130">
        <v>113</v>
      </c>
      <c r="R11" s="123">
        <v>0.17173252279635259</v>
      </c>
    </row>
    <row r="12" spans="1:18" ht="19.95" customHeight="1" thickBot="1" x14ac:dyDescent="0.25">
      <c r="B12" s="450" t="s">
        <v>22</v>
      </c>
      <c r="C12" s="34" t="s">
        <v>24</v>
      </c>
      <c r="D12" s="33">
        <v>46</v>
      </c>
      <c r="E12" s="11">
        <v>48</v>
      </c>
      <c r="F12" s="125">
        <v>47</v>
      </c>
      <c r="G12" s="22">
        <v>7</v>
      </c>
      <c r="H12" s="23">
        <v>0.14893617021276595</v>
      </c>
      <c r="I12" s="13">
        <v>22</v>
      </c>
      <c r="J12" s="11">
        <v>21</v>
      </c>
      <c r="K12" s="125">
        <v>21.5</v>
      </c>
      <c r="L12" s="22">
        <v>3</v>
      </c>
      <c r="M12" s="12">
        <v>0.13953488372093023</v>
      </c>
      <c r="N12" s="13">
        <v>24</v>
      </c>
      <c r="O12" s="11">
        <v>27</v>
      </c>
      <c r="P12" s="125">
        <v>25.5</v>
      </c>
      <c r="Q12" s="22">
        <v>4</v>
      </c>
      <c r="R12" s="12">
        <v>0.15686274509803921</v>
      </c>
    </row>
    <row r="13" spans="1:18" ht="19.95" customHeight="1" thickBot="1" x14ac:dyDescent="0.25">
      <c r="B13" s="450"/>
      <c r="C13" s="35" t="s">
        <v>6</v>
      </c>
      <c r="D13" s="31">
        <v>555</v>
      </c>
      <c r="E13" s="11">
        <v>562</v>
      </c>
      <c r="F13" s="125">
        <v>558.5</v>
      </c>
      <c r="G13" s="11">
        <v>147</v>
      </c>
      <c r="H13" s="12">
        <v>0.26320501342882724</v>
      </c>
      <c r="I13" s="15">
        <v>301</v>
      </c>
      <c r="J13" s="150">
        <v>294</v>
      </c>
      <c r="K13" s="125">
        <v>297.5</v>
      </c>
      <c r="L13" s="11">
        <v>74</v>
      </c>
      <c r="M13" s="12">
        <v>0.24873949579831933</v>
      </c>
      <c r="N13" s="15">
        <v>254</v>
      </c>
      <c r="O13" s="150">
        <v>268</v>
      </c>
      <c r="P13" s="125">
        <v>261</v>
      </c>
      <c r="Q13" s="11">
        <v>73</v>
      </c>
      <c r="R13" s="12">
        <v>0.27969348659003829</v>
      </c>
    </row>
    <row r="14" spans="1:18" ht="19.95" customHeight="1" thickBot="1" x14ac:dyDescent="0.25">
      <c r="B14" s="450"/>
      <c r="C14" s="35" t="s">
        <v>28</v>
      </c>
      <c r="D14" s="31">
        <v>896</v>
      </c>
      <c r="E14" s="11">
        <v>882</v>
      </c>
      <c r="F14" s="125">
        <v>889</v>
      </c>
      <c r="G14" s="11">
        <v>236</v>
      </c>
      <c r="H14" s="12">
        <v>0.26546681664791899</v>
      </c>
      <c r="I14" s="15">
        <v>507</v>
      </c>
      <c r="J14" s="150">
        <v>508</v>
      </c>
      <c r="K14" s="125">
        <v>507.5</v>
      </c>
      <c r="L14" s="11">
        <v>112</v>
      </c>
      <c r="M14" s="12">
        <v>0.22068965517241379</v>
      </c>
      <c r="N14" s="15">
        <v>389</v>
      </c>
      <c r="O14" s="150">
        <v>374</v>
      </c>
      <c r="P14" s="125">
        <v>381.5</v>
      </c>
      <c r="Q14" s="11">
        <v>124</v>
      </c>
      <c r="R14" s="12">
        <v>0.32503276539973786</v>
      </c>
    </row>
    <row r="15" spans="1:18" ht="19.95" customHeight="1" thickBot="1" x14ac:dyDescent="0.25">
      <c r="B15" s="450"/>
      <c r="C15" s="35" t="s">
        <v>26</v>
      </c>
      <c r="D15" s="31">
        <v>236</v>
      </c>
      <c r="E15" s="11">
        <v>242</v>
      </c>
      <c r="F15" s="125">
        <v>239</v>
      </c>
      <c r="G15" s="11">
        <v>40</v>
      </c>
      <c r="H15" s="12">
        <v>0.16736401673640167</v>
      </c>
      <c r="I15" s="15">
        <v>130</v>
      </c>
      <c r="J15" s="150">
        <v>134</v>
      </c>
      <c r="K15" s="125">
        <v>132</v>
      </c>
      <c r="L15" s="11">
        <v>21</v>
      </c>
      <c r="M15" s="12">
        <v>0.15909090909090909</v>
      </c>
      <c r="N15" s="15">
        <v>106</v>
      </c>
      <c r="O15" s="150">
        <v>108</v>
      </c>
      <c r="P15" s="125">
        <v>107</v>
      </c>
      <c r="Q15" s="11">
        <v>19</v>
      </c>
      <c r="R15" s="12">
        <v>0.17757009345794392</v>
      </c>
    </row>
    <row r="16" spans="1:18" ht="19.95" customHeight="1" thickBot="1" x14ac:dyDescent="0.25">
      <c r="B16" s="450"/>
      <c r="C16" s="36" t="s">
        <v>27</v>
      </c>
      <c r="D16" s="10">
        <v>71</v>
      </c>
      <c r="E16" s="11">
        <v>72</v>
      </c>
      <c r="F16" s="127">
        <v>71.5</v>
      </c>
      <c r="G16" s="17">
        <v>9</v>
      </c>
      <c r="H16" s="12">
        <v>0.12587412587412589</v>
      </c>
      <c r="I16" s="151">
        <v>44</v>
      </c>
      <c r="J16" s="152">
        <v>44</v>
      </c>
      <c r="K16" s="128">
        <v>44</v>
      </c>
      <c r="L16" s="17">
        <v>7</v>
      </c>
      <c r="M16" s="12">
        <v>0.15909090909090909</v>
      </c>
      <c r="N16" s="151">
        <v>27</v>
      </c>
      <c r="O16" s="152">
        <v>28</v>
      </c>
      <c r="P16" s="128">
        <v>27.5</v>
      </c>
      <c r="Q16" s="17">
        <v>2</v>
      </c>
      <c r="R16" s="12">
        <v>7.2727272727272724E-2</v>
      </c>
    </row>
    <row r="17" spans="2:18" ht="19.95" customHeight="1" thickTop="1" thickBot="1" x14ac:dyDescent="0.25">
      <c r="B17" s="450"/>
      <c r="C17" s="37" t="s">
        <v>7</v>
      </c>
      <c r="D17" s="32">
        <v>1804</v>
      </c>
      <c r="E17" s="20">
        <v>1806</v>
      </c>
      <c r="F17" s="126">
        <v>1805</v>
      </c>
      <c r="G17" s="20">
        <v>439</v>
      </c>
      <c r="H17" s="21">
        <v>0.24321329639889197</v>
      </c>
      <c r="I17" s="19">
        <v>1004</v>
      </c>
      <c r="J17" s="20">
        <v>1001</v>
      </c>
      <c r="K17" s="126">
        <v>1002.5</v>
      </c>
      <c r="L17" s="20">
        <v>217</v>
      </c>
      <c r="M17" s="21">
        <v>0.21645885286783043</v>
      </c>
      <c r="N17" s="19">
        <v>800</v>
      </c>
      <c r="O17" s="20">
        <v>805</v>
      </c>
      <c r="P17" s="126">
        <v>802.5</v>
      </c>
      <c r="Q17" s="20">
        <v>222</v>
      </c>
      <c r="R17" s="21">
        <v>0.27663551401869158</v>
      </c>
    </row>
    <row r="18" spans="2:18" ht="19.95" customHeight="1" x14ac:dyDescent="0.2">
      <c r="C18" s="24"/>
      <c r="D18" s="25"/>
      <c r="E18" s="25"/>
      <c r="F18" s="25"/>
      <c r="G18" s="25"/>
      <c r="H18" s="26"/>
      <c r="I18" s="25"/>
      <c r="J18" s="25"/>
      <c r="K18" s="25"/>
      <c r="L18" s="25"/>
      <c r="M18" s="26"/>
      <c r="N18" s="25"/>
      <c r="O18" s="25"/>
      <c r="P18" s="25"/>
      <c r="Q18" s="25"/>
      <c r="R18" s="26"/>
    </row>
    <row r="19" spans="2:18" ht="19.95" customHeight="1" thickBot="1" x14ac:dyDescent="0.25">
      <c r="B19" s="7" t="s">
        <v>78</v>
      </c>
      <c r="C19" s="7"/>
    </row>
    <row r="20" spans="2:18" ht="19.95" customHeight="1" thickBot="1" x14ac:dyDescent="0.25">
      <c r="B20" s="455"/>
      <c r="C20" s="453" t="s">
        <v>91</v>
      </c>
      <c r="D20" s="447" t="s">
        <v>5</v>
      </c>
      <c r="E20" s="447"/>
      <c r="F20" s="447"/>
      <c r="G20" s="447"/>
      <c r="H20" s="448"/>
      <c r="I20" s="446" t="s">
        <v>3</v>
      </c>
      <c r="J20" s="447"/>
      <c r="K20" s="447"/>
      <c r="L20" s="447"/>
      <c r="M20" s="448"/>
      <c r="N20" s="446" t="s">
        <v>4</v>
      </c>
      <c r="O20" s="447"/>
      <c r="P20" s="447"/>
      <c r="Q20" s="447"/>
      <c r="R20" s="448"/>
    </row>
    <row r="21" spans="2:18" ht="19.95" customHeight="1" thickBot="1" x14ac:dyDescent="0.25">
      <c r="B21" s="443"/>
      <c r="C21" s="454"/>
      <c r="D21" s="146" t="s">
        <v>90</v>
      </c>
      <c r="E21" s="147" t="s">
        <v>86</v>
      </c>
      <c r="F21" s="147" t="s">
        <v>87</v>
      </c>
      <c r="G21" s="147" t="s">
        <v>88</v>
      </c>
      <c r="H21" s="148" t="s">
        <v>89</v>
      </c>
      <c r="I21" s="149" t="s">
        <v>90</v>
      </c>
      <c r="J21" s="147" t="s">
        <v>86</v>
      </c>
      <c r="K21" s="147" t="s">
        <v>87</v>
      </c>
      <c r="L21" s="147" t="s">
        <v>88</v>
      </c>
      <c r="M21" s="148" t="s">
        <v>89</v>
      </c>
      <c r="N21" s="149" t="s">
        <v>90</v>
      </c>
      <c r="O21" s="147" t="s">
        <v>86</v>
      </c>
      <c r="P21" s="147" t="s">
        <v>87</v>
      </c>
      <c r="Q21" s="147" t="s">
        <v>88</v>
      </c>
      <c r="R21" s="148" t="s">
        <v>89</v>
      </c>
    </row>
    <row r="22" spans="2:18" ht="19.95" customHeight="1" thickTop="1" thickBot="1" x14ac:dyDescent="0.25">
      <c r="B22" s="449" t="s">
        <v>21</v>
      </c>
      <c r="C22" s="38" t="s">
        <v>8</v>
      </c>
      <c r="D22" s="31">
        <v>3</v>
      </c>
      <c r="E22" s="11">
        <v>3</v>
      </c>
      <c r="F22" s="125">
        <v>3</v>
      </c>
      <c r="G22" s="11">
        <v>0</v>
      </c>
      <c r="H22" s="12">
        <v>0</v>
      </c>
      <c r="I22" s="13">
        <v>0</v>
      </c>
      <c r="J22" s="11">
        <v>0</v>
      </c>
      <c r="K22" s="125">
        <v>0</v>
      </c>
      <c r="L22" s="11">
        <v>0</v>
      </c>
      <c r="M22" s="129" t="s">
        <v>253</v>
      </c>
      <c r="N22" s="13">
        <v>3</v>
      </c>
      <c r="O22" s="11">
        <v>3</v>
      </c>
      <c r="P22" s="125">
        <v>3</v>
      </c>
      <c r="Q22" s="11">
        <v>0</v>
      </c>
      <c r="R22" s="12">
        <v>0</v>
      </c>
    </row>
    <row r="23" spans="2:18" ht="19.95" customHeight="1" thickBot="1" x14ac:dyDescent="0.25">
      <c r="B23" s="450"/>
      <c r="C23" s="35" t="s">
        <v>9</v>
      </c>
      <c r="D23" s="31">
        <v>2</v>
      </c>
      <c r="E23" s="11">
        <v>2</v>
      </c>
      <c r="F23" s="125">
        <v>2</v>
      </c>
      <c r="G23" s="11">
        <v>0</v>
      </c>
      <c r="H23" s="12">
        <v>0</v>
      </c>
      <c r="I23" s="13">
        <v>1</v>
      </c>
      <c r="J23" s="11">
        <v>1</v>
      </c>
      <c r="K23" s="125">
        <v>1</v>
      </c>
      <c r="L23" s="11">
        <v>0</v>
      </c>
      <c r="M23" s="12">
        <v>0</v>
      </c>
      <c r="N23" s="13">
        <v>1</v>
      </c>
      <c r="O23" s="11">
        <v>1</v>
      </c>
      <c r="P23" s="125">
        <v>1</v>
      </c>
      <c r="Q23" s="11">
        <v>0</v>
      </c>
      <c r="R23" s="12">
        <v>0</v>
      </c>
    </row>
    <row r="24" spans="2:18" ht="19.95" customHeight="1" thickBot="1" x14ac:dyDescent="0.25">
      <c r="B24" s="450"/>
      <c r="C24" s="35" t="s">
        <v>10</v>
      </c>
      <c r="D24" s="31">
        <v>1081</v>
      </c>
      <c r="E24" s="11">
        <v>1080</v>
      </c>
      <c r="F24" s="125">
        <v>1080.5</v>
      </c>
      <c r="G24" s="11">
        <v>154</v>
      </c>
      <c r="H24" s="12">
        <v>0.14252660805182785</v>
      </c>
      <c r="I24" s="13">
        <v>606</v>
      </c>
      <c r="J24" s="11">
        <v>595</v>
      </c>
      <c r="K24" s="125">
        <v>600.5</v>
      </c>
      <c r="L24" s="11">
        <v>86</v>
      </c>
      <c r="M24" s="12">
        <v>0.14321398834304747</v>
      </c>
      <c r="N24" s="13">
        <v>475</v>
      </c>
      <c r="O24" s="11">
        <v>485</v>
      </c>
      <c r="P24" s="125">
        <v>480</v>
      </c>
      <c r="Q24" s="11">
        <v>68</v>
      </c>
      <c r="R24" s="12">
        <v>0.14166666666666666</v>
      </c>
    </row>
    <row r="25" spans="2:18" ht="19.95" customHeight="1" thickBot="1" x14ac:dyDescent="0.25">
      <c r="B25" s="450"/>
      <c r="C25" s="36" t="s">
        <v>11</v>
      </c>
      <c r="D25" s="10">
        <v>418</v>
      </c>
      <c r="E25" s="11">
        <v>397</v>
      </c>
      <c r="F25" s="125">
        <v>407.5</v>
      </c>
      <c r="G25" s="11">
        <v>81</v>
      </c>
      <c r="H25" s="12">
        <v>0.19877300613496932</v>
      </c>
      <c r="I25" s="13">
        <v>240</v>
      </c>
      <c r="J25" s="11">
        <v>227</v>
      </c>
      <c r="K25" s="125">
        <v>233.5</v>
      </c>
      <c r="L25" s="11">
        <v>36</v>
      </c>
      <c r="M25" s="12">
        <v>0.15417558886509636</v>
      </c>
      <c r="N25" s="13">
        <v>178</v>
      </c>
      <c r="O25" s="11">
        <v>170</v>
      </c>
      <c r="P25" s="125">
        <v>174</v>
      </c>
      <c r="Q25" s="11">
        <v>45</v>
      </c>
      <c r="R25" s="12">
        <v>0.25862068965517243</v>
      </c>
    </row>
    <row r="26" spans="2:18" ht="19.95" customHeight="1" thickTop="1" thickBot="1" x14ac:dyDescent="0.25">
      <c r="B26" s="450"/>
      <c r="C26" s="39" t="s">
        <v>7</v>
      </c>
      <c r="D26" s="32">
        <v>1504</v>
      </c>
      <c r="E26" s="20">
        <v>1482</v>
      </c>
      <c r="F26" s="126">
        <v>1493</v>
      </c>
      <c r="G26" s="20">
        <v>235</v>
      </c>
      <c r="H26" s="21">
        <v>0.15740120562625587</v>
      </c>
      <c r="I26" s="19">
        <v>847</v>
      </c>
      <c r="J26" s="20">
        <v>823</v>
      </c>
      <c r="K26" s="126">
        <v>835</v>
      </c>
      <c r="L26" s="20">
        <v>122</v>
      </c>
      <c r="M26" s="21">
        <v>0.14610778443113773</v>
      </c>
      <c r="N26" s="19">
        <v>657</v>
      </c>
      <c r="O26" s="20">
        <v>659</v>
      </c>
      <c r="P26" s="126">
        <v>658</v>
      </c>
      <c r="Q26" s="20">
        <v>113</v>
      </c>
      <c r="R26" s="21">
        <v>0.17173252279635259</v>
      </c>
    </row>
    <row r="27" spans="2:18" ht="19.95" customHeight="1" thickBot="1" x14ac:dyDescent="0.25">
      <c r="B27" s="450" t="s">
        <v>22</v>
      </c>
      <c r="C27" s="40" t="s">
        <v>8</v>
      </c>
      <c r="D27" s="31">
        <v>7</v>
      </c>
      <c r="E27" s="11">
        <v>5</v>
      </c>
      <c r="F27" s="125">
        <v>6</v>
      </c>
      <c r="G27" s="11">
        <v>2</v>
      </c>
      <c r="H27" s="12">
        <v>0.33333333333333331</v>
      </c>
      <c r="I27" s="13">
        <v>3</v>
      </c>
      <c r="J27" s="11">
        <v>2</v>
      </c>
      <c r="K27" s="125">
        <v>2.5</v>
      </c>
      <c r="L27" s="11">
        <v>1</v>
      </c>
      <c r="M27" s="12">
        <v>0.4</v>
      </c>
      <c r="N27" s="13">
        <v>4</v>
      </c>
      <c r="O27" s="11">
        <v>3</v>
      </c>
      <c r="P27" s="125">
        <v>3.5</v>
      </c>
      <c r="Q27" s="11">
        <v>1</v>
      </c>
      <c r="R27" s="12">
        <v>0.2857142857142857</v>
      </c>
    </row>
    <row r="28" spans="2:18" ht="19.95" customHeight="1" thickBot="1" x14ac:dyDescent="0.25">
      <c r="B28" s="450"/>
      <c r="C28" s="35" t="s">
        <v>9</v>
      </c>
      <c r="D28" s="31">
        <v>1</v>
      </c>
      <c r="E28" s="11">
        <v>1</v>
      </c>
      <c r="F28" s="125">
        <v>1</v>
      </c>
      <c r="G28" s="11">
        <v>0</v>
      </c>
      <c r="H28" s="12">
        <v>0</v>
      </c>
      <c r="I28" s="13">
        <v>1</v>
      </c>
      <c r="J28" s="11">
        <v>1</v>
      </c>
      <c r="K28" s="125">
        <v>1</v>
      </c>
      <c r="L28" s="11">
        <v>0</v>
      </c>
      <c r="M28" s="12">
        <v>0</v>
      </c>
      <c r="N28" s="13">
        <v>0</v>
      </c>
      <c r="O28" s="11">
        <v>0</v>
      </c>
      <c r="P28" s="125">
        <v>0</v>
      </c>
      <c r="Q28" s="11">
        <v>0</v>
      </c>
      <c r="R28" s="129" t="s">
        <v>253</v>
      </c>
    </row>
    <row r="29" spans="2:18" ht="19.95" customHeight="1" thickBot="1" x14ac:dyDescent="0.25">
      <c r="B29" s="450"/>
      <c r="C29" s="35" t="s">
        <v>10</v>
      </c>
      <c r="D29" s="31">
        <v>1301</v>
      </c>
      <c r="E29" s="11">
        <v>1315</v>
      </c>
      <c r="F29" s="125">
        <v>1308</v>
      </c>
      <c r="G29" s="11">
        <v>323</v>
      </c>
      <c r="H29" s="12">
        <v>0.24694189602446484</v>
      </c>
      <c r="I29" s="13">
        <v>729</v>
      </c>
      <c r="J29" s="11">
        <v>732</v>
      </c>
      <c r="K29" s="125">
        <v>730.5</v>
      </c>
      <c r="L29" s="11">
        <v>164</v>
      </c>
      <c r="M29" s="12">
        <v>0.22450376454483231</v>
      </c>
      <c r="N29" s="13">
        <v>572</v>
      </c>
      <c r="O29" s="11">
        <v>583</v>
      </c>
      <c r="P29" s="125">
        <v>577.5</v>
      </c>
      <c r="Q29" s="11">
        <v>159</v>
      </c>
      <c r="R29" s="12">
        <v>0.27532467532467531</v>
      </c>
    </row>
    <row r="30" spans="2:18" ht="19.95" customHeight="1" thickBot="1" x14ac:dyDescent="0.25">
      <c r="B30" s="450"/>
      <c r="C30" s="36" t="s">
        <v>11</v>
      </c>
      <c r="D30" s="10">
        <v>495</v>
      </c>
      <c r="E30" s="11">
        <v>485</v>
      </c>
      <c r="F30" s="125">
        <v>490</v>
      </c>
      <c r="G30" s="11">
        <v>114</v>
      </c>
      <c r="H30" s="12">
        <v>0.23265306122448978</v>
      </c>
      <c r="I30" s="13">
        <v>271</v>
      </c>
      <c r="J30" s="11">
        <v>266</v>
      </c>
      <c r="K30" s="125">
        <v>268.5</v>
      </c>
      <c r="L30" s="11">
        <v>52</v>
      </c>
      <c r="M30" s="12">
        <v>0.19366852886405958</v>
      </c>
      <c r="N30" s="13">
        <v>224</v>
      </c>
      <c r="O30" s="11">
        <v>219</v>
      </c>
      <c r="P30" s="125">
        <v>221.5</v>
      </c>
      <c r="Q30" s="11">
        <v>62</v>
      </c>
      <c r="R30" s="12">
        <v>0.27990970654627539</v>
      </c>
    </row>
    <row r="31" spans="2:18" ht="19.95" customHeight="1" thickTop="1" thickBot="1" x14ac:dyDescent="0.25">
      <c r="B31" s="450"/>
      <c r="C31" s="39" t="s">
        <v>7</v>
      </c>
      <c r="D31" s="32">
        <v>1804</v>
      </c>
      <c r="E31" s="20">
        <v>1806</v>
      </c>
      <c r="F31" s="126">
        <v>1805</v>
      </c>
      <c r="G31" s="20">
        <v>439</v>
      </c>
      <c r="H31" s="21">
        <v>0.24321329639889197</v>
      </c>
      <c r="I31" s="19">
        <v>1004</v>
      </c>
      <c r="J31" s="20">
        <v>1001</v>
      </c>
      <c r="K31" s="126">
        <v>1002.5</v>
      </c>
      <c r="L31" s="20">
        <v>217</v>
      </c>
      <c r="M31" s="21">
        <v>0.21645885286783043</v>
      </c>
      <c r="N31" s="19">
        <v>800</v>
      </c>
      <c r="O31" s="20">
        <v>805</v>
      </c>
      <c r="P31" s="126">
        <v>802.5</v>
      </c>
      <c r="Q31" s="20">
        <v>222</v>
      </c>
      <c r="R31" s="21">
        <v>0.27663551401869158</v>
      </c>
    </row>
    <row r="32" spans="2:18" ht="19.8" customHeight="1" x14ac:dyDescent="0.2">
      <c r="C32" s="24"/>
      <c r="D32" s="25"/>
      <c r="E32" s="25"/>
      <c r="F32" s="25"/>
      <c r="G32" s="25"/>
      <c r="H32" s="26"/>
      <c r="I32" s="25"/>
      <c r="J32" s="25"/>
      <c r="K32" s="25"/>
      <c r="L32" s="25"/>
      <c r="M32" s="26"/>
      <c r="N32" s="25"/>
      <c r="O32" s="25"/>
      <c r="P32" s="25"/>
      <c r="Q32" s="25"/>
      <c r="R32" s="26"/>
    </row>
    <row r="33" spans="2:18" ht="19.95" customHeight="1" thickBot="1" x14ac:dyDescent="0.25">
      <c r="B33" s="7" t="s">
        <v>79</v>
      </c>
      <c r="C33" s="7"/>
    </row>
    <row r="34" spans="2:18" ht="19.95" customHeight="1" thickBot="1" x14ac:dyDescent="0.25">
      <c r="B34" s="450"/>
      <c r="C34" s="456" t="s">
        <v>1</v>
      </c>
      <c r="D34" s="446" t="s">
        <v>5</v>
      </c>
      <c r="E34" s="447"/>
      <c r="F34" s="447"/>
      <c r="G34" s="447"/>
      <c r="H34" s="448"/>
      <c r="I34" s="446" t="s">
        <v>3</v>
      </c>
      <c r="J34" s="447"/>
      <c r="K34" s="447"/>
      <c r="L34" s="447"/>
      <c r="M34" s="448"/>
      <c r="N34" s="446" t="s">
        <v>4</v>
      </c>
      <c r="O34" s="447"/>
      <c r="P34" s="447"/>
      <c r="Q34" s="447"/>
      <c r="R34" s="448"/>
    </row>
    <row r="35" spans="2:18" s="27" customFormat="1" ht="19.95" customHeight="1" thickBot="1" x14ac:dyDescent="0.25">
      <c r="B35" s="441"/>
      <c r="C35" s="457"/>
      <c r="D35" s="149" t="s">
        <v>90</v>
      </c>
      <c r="E35" s="147" t="s">
        <v>86</v>
      </c>
      <c r="F35" s="147" t="s">
        <v>87</v>
      </c>
      <c r="G35" s="147" t="s">
        <v>88</v>
      </c>
      <c r="H35" s="148" t="s">
        <v>89</v>
      </c>
      <c r="I35" s="149" t="s">
        <v>90</v>
      </c>
      <c r="J35" s="147" t="s">
        <v>86</v>
      </c>
      <c r="K35" s="147" t="s">
        <v>87</v>
      </c>
      <c r="L35" s="147" t="s">
        <v>88</v>
      </c>
      <c r="M35" s="148" t="s">
        <v>89</v>
      </c>
      <c r="N35" s="149" t="s">
        <v>90</v>
      </c>
      <c r="O35" s="147" t="s">
        <v>86</v>
      </c>
      <c r="P35" s="147" t="s">
        <v>87</v>
      </c>
      <c r="Q35" s="147" t="s">
        <v>88</v>
      </c>
      <c r="R35" s="148" t="s">
        <v>89</v>
      </c>
    </row>
    <row r="36" spans="2:18" ht="19.95" customHeight="1" thickTop="1" thickBot="1" x14ac:dyDescent="0.25">
      <c r="B36" s="449" t="s">
        <v>21</v>
      </c>
      <c r="C36" s="9" t="s">
        <v>12</v>
      </c>
      <c r="D36" s="13">
        <v>708</v>
      </c>
      <c r="E36" s="11">
        <v>697</v>
      </c>
      <c r="F36" s="125">
        <v>702.5</v>
      </c>
      <c r="G36" s="11">
        <v>110</v>
      </c>
      <c r="H36" s="12">
        <v>0.15658362989323843</v>
      </c>
      <c r="I36" s="13">
        <v>367</v>
      </c>
      <c r="J36" s="11">
        <v>361</v>
      </c>
      <c r="K36" s="125">
        <v>364</v>
      </c>
      <c r="L36" s="11">
        <v>52</v>
      </c>
      <c r="M36" s="12">
        <v>0.14285714285714285</v>
      </c>
      <c r="N36" s="13">
        <v>341</v>
      </c>
      <c r="O36" s="11">
        <v>336</v>
      </c>
      <c r="P36" s="125">
        <v>338.5</v>
      </c>
      <c r="Q36" s="11">
        <v>58</v>
      </c>
      <c r="R36" s="12">
        <v>0.17134416543574593</v>
      </c>
    </row>
    <row r="37" spans="2:18" ht="19.95" customHeight="1" thickBot="1" x14ac:dyDescent="0.25">
      <c r="B37" s="450"/>
      <c r="C37" s="14" t="s">
        <v>13</v>
      </c>
      <c r="D37" s="15">
        <v>131</v>
      </c>
      <c r="E37" s="11">
        <v>136</v>
      </c>
      <c r="F37" s="125">
        <v>133.5</v>
      </c>
      <c r="G37" s="11">
        <v>13</v>
      </c>
      <c r="H37" s="12">
        <v>9.7378277153558054E-2</v>
      </c>
      <c r="I37" s="15">
        <v>89</v>
      </c>
      <c r="J37" s="150">
        <v>90</v>
      </c>
      <c r="K37" s="125">
        <v>89.5</v>
      </c>
      <c r="L37" s="11">
        <v>9</v>
      </c>
      <c r="M37" s="12">
        <v>0.1005586592178771</v>
      </c>
      <c r="N37" s="15">
        <v>42</v>
      </c>
      <c r="O37" s="150">
        <v>46</v>
      </c>
      <c r="P37" s="125">
        <v>44</v>
      </c>
      <c r="Q37" s="11">
        <v>4</v>
      </c>
      <c r="R37" s="12">
        <v>9.0909090909090912E-2</v>
      </c>
    </row>
    <row r="38" spans="2:18" ht="19.95" customHeight="1" thickBot="1" x14ac:dyDescent="0.25">
      <c r="B38" s="450"/>
      <c r="C38" s="14" t="s">
        <v>14</v>
      </c>
      <c r="D38" s="15">
        <v>96</v>
      </c>
      <c r="E38" s="11">
        <v>94</v>
      </c>
      <c r="F38" s="125">
        <v>95</v>
      </c>
      <c r="G38" s="11">
        <v>23</v>
      </c>
      <c r="H38" s="12">
        <v>0.24210526315789474</v>
      </c>
      <c r="I38" s="15">
        <v>54</v>
      </c>
      <c r="J38" s="150">
        <v>49</v>
      </c>
      <c r="K38" s="125">
        <v>51.5</v>
      </c>
      <c r="L38" s="11">
        <v>13</v>
      </c>
      <c r="M38" s="12">
        <v>0.25242718446601942</v>
      </c>
      <c r="N38" s="15">
        <v>42</v>
      </c>
      <c r="O38" s="150">
        <v>45</v>
      </c>
      <c r="P38" s="125">
        <v>43.5</v>
      </c>
      <c r="Q38" s="11">
        <v>10</v>
      </c>
      <c r="R38" s="12">
        <v>0.22988505747126436</v>
      </c>
    </row>
    <row r="39" spans="2:18" ht="19.95" customHeight="1" thickBot="1" x14ac:dyDescent="0.25">
      <c r="B39" s="450"/>
      <c r="C39" s="14" t="s">
        <v>15</v>
      </c>
      <c r="D39" s="15">
        <v>126</v>
      </c>
      <c r="E39" s="11">
        <v>126</v>
      </c>
      <c r="F39" s="125">
        <v>126</v>
      </c>
      <c r="G39" s="11">
        <v>25</v>
      </c>
      <c r="H39" s="12">
        <v>0.1984126984126984</v>
      </c>
      <c r="I39" s="15">
        <v>62</v>
      </c>
      <c r="J39" s="150">
        <v>59</v>
      </c>
      <c r="K39" s="125">
        <v>60.5</v>
      </c>
      <c r="L39" s="11">
        <v>10</v>
      </c>
      <c r="M39" s="12">
        <v>0.16528925619834711</v>
      </c>
      <c r="N39" s="15">
        <v>64</v>
      </c>
      <c r="O39" s="150">
        <v>67</v>
      </c>
      <c r="P39" s="125">
        <v>65.5</v>
      </c>
      <c r="Q39" s="11">
        <v>15</v>
      </c>
      <c r="R39" s="12">
        <v>0.22900763358778625</v>
      </c>
    </row>
    <row r="40" spans="2:18" ht="19.95" customHeight="1" thickBot="1" x14ac:dyDescent="0.25">
      <c r="B40" s="450"/>
      <c r="C40" s="14" t="s">
        <v>16</v>
      </c>
      <c r="D40" s="15">
        <v>65</v>
      </c>
      <c r="E40" s="11">
        <v>58</v>
      </c>
      <c r="F40" s="125">
        <v>61.5</v>
      </c>
      <c r="G40" s="11">
        <v>10</v>
      </c>
      <c r="H40" s="12">
        <v>0.16260162601626016</v>
      </c>
      <c r="I40" s="15">
        <v>43</v>
      </c>
      <c r="J40" s="150">
        <v>41</v>
      </c>
      <c r="K40" s="125">
        <v>42</v>
      </c>
      <c r="L40" s="11">
        <v>7</v>
      </c>
      <c r="M40" s="12">
        <v>0.16666666666666666</v>
      </c>
      <c r="N40" s="15">
        <v>22</v>
      </c>
      <c r="O40" s="150">
        <v>17</v>
      </c>
      <c r="P40" s="125">
        <v>19.5</v>
      </c>
      <c r="Q40" s="11">
        <v>3</v>
      </c>
      <c r="R40" s="12">
        <v>0.15384615384615385</v>
      </c>
    </row>
    <row r="41" spans="2:18" ht="19.95" customHeight="1" thickBot="1" x14ac:dyDescent="0.25">
      <c r="B41" s="450"/>
      <c r="C41" s="14" t="s">
        <v>17</v>
      </c>
      <c r="D41" s="15">
        <v>131</v>
      </c>
      <c r="E41" s="11">
        <v>130</v>
      </c>
      <c r="F41" s="125">
        <v>130.5</v>
      </c>
      <c r="G41" s="11">
        <v>25</v>
      </c>
      <c r="H41" s="12">
        <v>0.19157088122605365</v>
      </c>
      <c r="I41" s="15">
        <v>74</v>
      </c>
      <c r="J41" s="150">
        <v>71</v>
      </c>
      <c r="K41" s="125">
        <v>72.5</v>
      </c>
      <c r="L41" s="11">
        <v>14</v>
      </c>
      <c r="M41" s="12">
        <v>0.19310344827586207</v>
      </c>
      <c r="N41" s="15">
        <v>57</v>
      </c>
      <c r="O41" s="150">
        <v>59</v>
      </c>
      <c r="P41" s="125">
        <v>58</v>
      </c>
      <c r="Q41" s="11">
        <v>11</v>
      </c>
      <c r="R41" s="12">
        <v>0.18965517241379309</v>
      </c>
    </row>
    <row r="42" spans="2:18" ht="19.95" customHeight="1" thickBot="1" x14ac:dyDescent="0.25">
      <c r="B42" s="450"/>
      <c r="C42" s="14" t="s">
        <v>18</v>
      </c>
      <c r="D42" s="15">
        <v>149</v>
      </c>
      <c r="E42" s="11">
        <v>143</v>
      </c>
      <c r="F42" s="125">
        <v>146</v>
      </c>
      <c r="G42" s="11">
        <v>21</v>
      </c>
      <c r="H42" s="12">
        <v>0.14383561643835616</v>
      </c>
      <c r="I42" s="15">
        <v>84</v>
      </c>
      <c r="J42" s="150">
        <v>79</v>
      </c>
      <c r="K42" s="125">
        <v>81.5</v>
      </c>
      <c r="L42" s="11">
        <v>12</v>
      </c>
      <c r="M42" s="12">
        <v>0.14723926380368099</v>
      </c>
      <c r="N42" s="15">
        <v>65</v>
      </c>
      <c r="O42" s="150">
        <v>64</v>
      </c>
      <c r="P42" s="125">
        <v>64.5</v>
      </c>
      <c r="Q42" s="11">
        <v>9</v>
      </c>
      <c r="R42" s="12">
        <v>0.13953488372093023</v>
      </c>
    </row>
    <row r="43" spans="2:18" ht="19.95" customHeight="1" thickBot="1" x14ac:dyDescent="0.25">
      <c r="B43" s="450"/>
      <c r="C43" s="16" t="s">
        <v>19</v>
      </c>
      <c r="D43" s="15">
        <v>98</v>
      </c>
      <c r="E43" s="11">
        <v>98</v>
      </c>
      <c r="F43" s="125">
        <v>98</v>
      </c>
      <c r="G43" s="11">
        <v>8</v>
      </c>
      <c r="H43" s="28">
        <v>8.1632653061224483E-2</v>
      </c>
      <c r="I43" s="151">
        <v>74</v>
      </c>
      <c r="J43" s="152">
        <v>73</v>
      </c>
      <c r="K43" s="127">
        <v>73.5</v>
      </c>
      <c r="L43" s="11">
        <v>5</v>
      </c>
      <c r="M43" s="28">
        <v>6.8027210884353748E-2</v>
      </c>
      <c r="N43" s="151">
        <v>24</v>
      </c>
      <c r="O43" s="152">
        <v>25</v>
      </c>
      <c r="P43" s="127">
        <v>24.5</v>
      </c>
      <c r="Q43" s="11">
        <v>3</v>
      </c>
      <c r="R43" s="28">
        <v>0.12244897959183673</v>
      </c>
    </row>
    <row r="44" spans="2:18" ht="19.95" customHeight="1" thickTop="1" thickBot="1" x14ac:dyDescent="0.25">
      <c r="B44" s="450"/>
      <c r="C44" s="18" t="s">
        <v>20</v>
      </c>
      <c r="D44" s="19">
        <v>1504</v>
      </c>
      <c r="E44" s="20">
        <v>1482</v>
      </c>
      <c r="F44" s="126">
        <v>1493</v>
      </c>
      <c r="G44" s="20">
        <v>235</v>
      </c>
      <c r="H44" s="21">
        <v>0.15740120562625587</v>
      </c>
      <c r="I44" s="19">
        <v>847</v>
      </c>
      <c r="J44" s="20">
        <v>823</v>
      </c>
      <c r="K44" s="126">
        <v>835</v>
      </c>
      <c r="L44" s="20">
        <v>122</v>
      </c>
      <c r="M44" s="21">
        <v>0.14610778443113773</v>
      </c>
      <c r="N44" s="19">
        <v>657</v>
      </c>
      <c r="O44" s="20">
        <v>659</v>
      </c>
      <c r="P44" s="126">
        <v>658</v>
      </c>
      <c r="Q44" s="20">
        <v>113</v>
      </c>
      <c r="R44" s="21">
        <v>0.17173252279635259</v>
      </c>
    </row>
    <row r="45" spans="2:18" ht="19.95" customHeight="1" thickBot="1" x14ac:dyDescent="0.25">
      <c r="B45" s="450" t="s">
        <v>22</v>
      </c>
      <c r="C45" s="9" t="s">
        <v>12</v>
      </c>
      <c r="D45" s="13">
        <v>710</v>
      </c>
      <c r="E45" s="11">
        <v>706</v>
      </c>
      <c r="F45" s="125">
        <v>708</v>
      </c>
      <c r="G45" s="11">
        <v>167</v>
      </c>
      <c r="H45" s="12">
        <v>0.23587570621468926</v>
      </c>
      <c r="I45" s="13">
        <v>412</v>
      </c>
      <c r="J45" s="11">
        <v>410</v>
      </c>
      <c r="K45" s="125">
        <v>411</v>
      </c>
      <c r="L45" s="11">
        <v>80</v>
      </c>
      <c r="M45" s="12">
        <v>0.19464720194647203</v>
      </c>
      <c r="N45" s="13">
        <v>298</v>
      </c>
      <c r="O45" s="11">
        <v>296</v>
      </c>
      <c r="P45" s="125">
        <v>297</v>
      </c>
      <c r="Q45" s="11">
        <v>87</v>
      </c>
      <c r="R45" s="12">
        <v>0.29292929292929293</v>
      </c>
    </row>
    <row r="46" spans="2:18" ht="19.95" customHeight="1" thickBot="1" x14ac:dyDescent="0.25">
      <c r="B46" s="450"/>
      <c r="C46" s="14" t="s">
        <v>13</v>
      </c>
      <c r="D46" s="15">
        <v>206</v>
      </c>
      <c r="E46" s="11">
        <v>206</v>
      </c>
      <c r="F46" s="125">
        <v>206</v>
      </c>
      <c r="G46" s="11">
        <v>48</v>
      </c>
      <c r="H46" s="12">
        <v>0.23300970873786409</v>
      </c>
      <c r="I46" s="15">
        <v>128</v>
      </c>
      <c r="J46" s="150">
        <v>123</v>
      </c>
      <c r="K46" s="125">
        <v>125.5</v>
      </c>
      <c r="L46" s="11">
        <v>25</v>
      </c>
      <c r="M46" s="12">
        <v>0.19920318725099601</v>
      </c>
      <c r="N46" s="15">
        <v>78</v>
      </c>
      <c r="O46" s="150">
        <v>83</v>
      </c>
      <c r="P46" s="125">
        <v>80.5</v>
      </c>
      <c r="Q46" s="11">
        <v>23</v>
      </c>
      <c r="R46" s="12">
        <v>0.2857142857142857</v>
      </c>
    </row>
    <row r="47" spans="2:18" ht="19.95" customHeight="1" thickBot="1" x14ac:dyDescent="0.25">
      <c r="B47" s="450"/>
      <c r="C47" s="14" t="s">
        <v>14</v>
      </c>
      <c r="D47" s="15">
        <v>190</v>
      </c>
      <c r="E47" s="11">
        <v>194</v>
      </c>
      <c r="F47" s="125">
        <v>192</v>
      </c>
      <c r="G47" s="11">
        <v>40</v>
      </c>
      <c r="H47" s="12">
        <v>0.20833333333333334</v>
      </c>
      <c r="I47" s="15">
        <v>98</v>
      </c>
      <c r="J47" s="150">
        <v>101</v>
      </c>
      <c r="K47" s="125">
        <v>99.5</v>
      </c>
      <c r="L47" s="11">
        <v>16</v>
      </c>
      <c r="M47" s="12">
        <v>0.16080402010050251</v>
      </c>
      <c r="N47" s="15">
        <v>92</v>
      </c>
      <c r="O47" s="150">
        <v>93</v>
      </c>
      <c r="P47" s="125">
        <v>92.5</v>
      </c>
      <c r="Q47" s="11">
        <v>24</v>
      </c>
      <c r="R47" s="12">
        <v>0.25945945945945947</v>
      </c>
    </row>
    <row r="48" spans="2:18" ht="19.95" customHeight="1" thickBot="1" x14ac:dyDescent="0.25">
      <c r="B48" s="450"/>
      <c r="C48" s="14" t="s">
        <v>15</v>
      </c>
      <c r="D48" s="15">
        <v>173</v>
      </c>
      <c r="E48" s="11">
        <v>171</v>
      </c>
      <c r="F48" s="125">
        <v>172</v>
      </c>
      <c r="G48" s="11">
        <v>45</v>
      </c>
      <c r="H48" s="12">
        <v>0.26162790697674421</v>
      </c>
      <c r="I48" s="15">
        <v>82</v>
      </c>
      <c r="J48" s="150">
        <v>85</v>
      </c>
      <c r="K48" s="125">
        <v>83.5</v>
      </c>
      <c r="L48" s="11">
        <v>26</v>
      </c>
      <c r="M48" s="12">
        <v>0.31137724550898205</v>
      </c>
      <c r="N48" s="15">
        <v>91</v>
      </c>
      <c r="O48" s="150">
        <v>86</v>
      </c>
      <c r="P48" s="125">
        <v>88.5</v>
      </c>
      <c r="Q48" s="11">
        <v>19</v>
      </c>
      <c r="R48" s="12">
        <v>0.21468926553672316</v>
      </c>
    </row>
    <row r="49" spans="2:20" ht="19.95" customHeight="1" thickBot="1" x14ac:dyDescent="0.25">
      <c r="B49" s="450"/>
      <c r="C49" s="14" t="s">
        <v>16</v>
      </c>
      <c r="D49" s="15">
        <v>142</v>
      </c>
      <c r="E49" s="11">
        <v>144</v>
      </c>
      <c r="F49" s="125">
        <v>143</v>
      </c>
      <c r="G49" s="11">
        <v>28</v>
      </c>
      <c r="H49" s="12">
        <v>0.19580419580419581</v>
      </c>
      <c r="I49" s="15">
        <v>73</v>
      </c>
      <c r="J49" s="150">
        <v>71</v>
      </c>
      <c r="K49" s="125">
        <v>72</v>
      </c>
      <c r="L49" s="11">
        <v>17</v>
      </c>
      <c r="M49" s="12">
        <v>0.2361111111111111</v>
      </c>
      <c r="N49" s="15">
        <v>69</v>
      </c>
      <c r="O49" s="150">
        <v>73</v>
      </c>
      <c r="P49" s="125">
        <v>71</v>
      </c>
      <c r="Q49" s="11">
        <v>11</v>
      </c>
      <c r="R49" s="12">
        <v>0.15492957746478872</v>
      </c>
    </row>
    <row r="50" spans="2:20" ht="19.95" customHeight="1" thickBot="1" x14ac:dyDescent="0.25">
      <c r="B50" s="450"/>
      <c r="C50" s="14" t="s">
        <v>17</v>
      </c>
      <c r="D50" s="15">
        <v>111</v>
      </c>
      <c r="E50" s="11">
        <v>110</v>
      </c>
      <c r="F50" s="125">
        <v>110.5</v>
      </c>
      <c r="G50" s="11">
        <v>42</v>
      </c>
      <c r="H50" s="12">
        <v>0.38009049773755654</v>
      </c>
      <c r="I50" s="15">
        <v>54</v>
      </c>
      <c r="J50" s="150">
        <v>55</v>
      </c>
      <c r="K50" s="125">
        <v>54.5</v>
      </c>
      <c r="L50" s="11">
        <v>20</v>
      </c>
      <c r="M50" s="12">
        <v>0.3669724770642202</v>
      </c>
      <c r="N50" s="15">
        <v>57</v>
      </c>
      <c r="O50" s="150">
        <v>55</v>
      </c>
      <c r="P50" s="125">
        <v>56</v>
      </c>
      <c r="Q50" s="11">
        <v>22</v>
      </c>
      <c r="R50" s="12">
        <v>0.39285714285714285</v>
      </c>
    </row>
    <row r="51" spans="2:20" ht="19.95" customHeight="1" thickBot="1" x14ac:dyDescent="0.25">
      <c r="B51" s="450"/>
      <c r="C51" s="14" t="s">
        <v>18</v>
      </c>
      <c r="D51" s="15">
        <v>184</v>
      </c>
      <c r="E51" s="11">
        <v>191</v>
      </c>
      <c r="F51" s="125">
        <v>187.5</v>
      </c>
      <c r="G51" s="11">
        <v>49</v>
      </c>
      <c r="H51" s="12">
        <v>0.26133333333333331</v>
      </c>
      <c r="I51" s="15">
        <v>102</v>
      </c>
      <c r="J51" s="150">
        <v>101</v>
      </c>
      <c r="K51" s="125">
        <v>101.5</v>
      </c>
      <c r="L51" s="11">
        <v>26</v>
      </c>
      <c r="M51" s="12">
        <v>0.25615763546798032</v>
      </c>
      <c r="N51" s="15">
        <v>82</v>
      </c>
      <c r="O51" s="150">
        <v>90</v>
      </c>
      <c r="P51" s="125">
        <v>86</v>
      </c>
      <c r="Q51" s="11">
        <v>23</v>
      </c>
      <c r="R51" s="12">
        <v>0.26744186046511625</v>
      </c>
    </row>
    <row r="52" spans="2:20" ht="19.95" customHeight="1" thickBot="1" x14ac:dyDescent="0.25">
      <c r="B52" s="450"/>
      <c r="C52" s="16" t="s">
        <v>19</v>
      </c>
      <c r="D52" s="15">
        <v>88</v>
      </c>
      <c r="E52" s="11">
        <v>84</v>
      </c>
      <c r="F52" s="125">
        <v>86</v>
      </c>
      <c r="G52" s="11">
        <v>20</v>
      </c>
      <c r="H52" s="28">
        <v>0.23255813953488372</v>
      </c>
      <c r="I52" s="151">
        <v>55</v>
      </c>
      <c r="J52" s="152">
        <v>55</v>
      </c>
      <c r="K52" s="127">
        <v>55</v>
      </c>
      <c r="L52" s="11">
        <v>7</v>
      </c>
      <c r="M52" s="28">
        <v>0.12727272727272726</v>
      </c>
      <c r="N52" s="151">
        <v>33</v>
      </c>
      <c r="O52" s="152">
        <v>29</v>
      </c>
      <c r="P52" s="127">
        <v>31</v>
      </c>
      <c r="Q52" s="11">
        <v>13</v>
      </c>
      <c r="R52" s="28">
        <v>0.41935483870967744</v>
      </c>
    </row>
    <row r="53" spans="2:20" ht="19.95" customHeight="1" thickTop="1" thickBot="1" x14ac:dyDescent="0.25">
      <c r="B53" s="450"/>
      <c r="C53" s="18" t="s">
        <v>20</v>
      </c>
      <c r="D53" s="19">
        <v>1804</v>
      </c>
      <c r="E53" s="20">
        <v>1806</v>
      </c>
      <c r="F53" s="126">
        <v>1805</v>
      </c>
      <c r="G53" s="20">
        <v>439</v>
      </c>
      <c r="H53" s="21">
        <v>0.24321329639889197</v>
      </c>
      <c r="I53" s="19">
        <v>1004</v>
      </c>
      <c r="J53" s="20">
        <v>1001</v>
      </c>
      <c r="K53" s="126">
        <v>1002.5</v>
      </c>
      <c r="L53" s="20">
        <v>217</v>
      </c>
      <c r="M53" s="21">
        <v>0.21645885286783043</v>
      </c>
      <c r="N53" s="19">
        <v>800</v>
      </c>
      <c r="O53" s="20">
        <v>805</v>
      </c>
      <c r="P53" s="126">
        <v>802.5</v>
      </c>
      <c r="Q53" s="20">
        <v>222</v>
      </c>
      <c r="R53" s="21">
        <v>0.27663551401869158</v>
      </c>
    </row>
    <row r="54" spans="2:20" ht="19.95" customHeight="1" x14ac:dyDescent="0.2">
      <c r="B54" s="210"/>
      <c r="C54" s="210"/>
      <c r="D54" s="25"/>
      <c r="E54" s="25"/>
      <c r="F54" s="440"/>
      <c r="G54" s="25"/>
      <c r="H54" s="171"/>
      <c r="I54" s="25"/>
      <c r="J54" s="25"/>
      <c r="K54" s="440"/>
      <c r="L54" s="25"/>
      <c r="M54" s="171"/>
      <c r="N54" s="25"/>
      <c r="O54" s="25"/>
      <c r="P54" s="440"/>
      <c r="Q54" s="25"/>
      <c r="R54" s="171"/>
    </row>
    <row r="55" spans="2:20" ht="19.95" customHeight="1" x14ac:dyDescent="0.2">
      <c r="C55" s="1"/>
      <c r="D55" s="210"/>
      <c r="E55" s="210"/>
      <c r="F55" s="25"/>
      <c r="G55" s="25"/>
      <c r="H55" s="440"/>
      <c r="I55" s="25"/>
      <c r="J55" s="171"/>
      <c r="K55" s="25"/>
      <c r="L55" s="25"/>
      <c r="M55" s="440"/>
      <c r="N55" s="25"/>
      <c r="O55" s="171"/>
      <c r="P55" s="25"/>
      <c r="Q55" s="25"/>
      <c r="R55" s="440"/>
      <c r="S55" s="25"/>
      <c r="T55" s="171"/>
    </row>
    <row r="56" spans="2:20" s="66" customFormat="1" ht="19.95" customHeight="1" x14ac:dyDescent="0.2">
      <c r="B56" s="67" t="s">
        <v>120</v>
      </c>
      <c r="C56" s="68"/>
      <c r="E56" s="67"/>
    </row>
    <row r="57" spans="2:20" s="66" customFormat="1" ht="19.95" customHeight="1" x14ac:dyDescent="0.2">
      <c r="B57" s="67"/>
      <c r="C57" s="68"/>
      <c r="E57" s="67"/>
    </row>
    <row r="58" spans="2:20" ht="19.95" customHeight="1" thickBot="1" x14ac:dyDescent="0.25">
      <c r="B58" s="1" t="s">
        <v>254</v>
      </c>
    </row>
    <row r="59" spans="2:20" ht="28.05" customHeight="1" thickBot="1" x14ac:dyDescent="0.25">
      <c r="B59" s="441"/>
      <c r="C59" s="442"/>
      <c r="D59" s="193" t="s">
        <v>102</v>
      </c>
      <c r="E59" s="71" t="s">
        <v>103</v>
      </c>
      <c r="F59" s="49" t="s">
        <v>104</v>
      </c>
      <c r="G59" s="49" t="s">
        <v>105</v>
      </c>
      <c r="H59" s="49" t="s">
        <v>229</v>
      </c>
      <c r="I59" s="72" t="s">
        <v>106</v>
      </c>
      <c r="J59" s="121" t="s">
        <v>107</v>
      </c>
      <c r="K59" s="71" t="s">
        <v>108</v>
      </c>
      <c r="L59" s="71" t="s">
        <v>109</v>
      </c>
      <c r="M59" s="72" t="s">
        <v>110</v>
      </c>
      <c r="N59" s="72" t="s">
        <v>111</v>
      </c>
      <c r="O59" s="49" t="s">
        <v>112</v>
      </c>
      <c r="P59" s="49" t="s">
        <v>113</v>
      </c>
      <c r="Q59" s="49" t="s">
        <v>50</v>
      </c>
      <c r="R59" s="64" t="s">
        <v>2</v>
      </c>
      <c r="S59" s="99" t="s">
        <v>54</v>
      </c>
    </row>
    <row r="60" spans="2:20" ht="19.95" customHeight="1" thickTop="1" x14ac:dyDescent="0.2">
      <c r="B60" s="186" t="s">
        <v>21</v>
      </c>
      <c r="C60" s="195" t="s">
        <v>0</v>
      </c>
      <c r="D60" s="201">
        <v>3</v>
      </c>
      <c r="E60" s="160">
        <v>12</v>
      </c>
      <c r="F60" s="160">
        <v>0</v>
      </c>
      <c r="G60" s="160">
        <v>1</v>
      </c>
      <c r="H60" s="160">
        <v>0</v>
      </c>
      <c r="I60" s="160">
        <v>37</v>
      </c>
      <c r="J60" s="160">
        <v>17</v>
      </c>
      <c r="K60" s="160">
        <v>18</v>
      </c>
      <c r="L60" s="160">
        <v>2</v>
      </c>
      <c r="M60" s="160">
        <v>4</v>
      </c>
      <c r="N60" s="160">
        <v>5</v>
      </c>
      <c r="O60" s="160">
        <v>18</v>
      </c>
      <c r="P60" s="160">
        <v>9</v>
      </c>
      <c r="Q60" s="160">
        <v>68</v>
      </c>
      <c r="R60" s="161">
        <v>38</v>
      </c>
      <c r="S60" s="162">
        <v>232</v>
      </c>
    </row>
    <row r="61" spans="2:20" ht="19.95" customHeight="1" x14ac:dyDescent="0.2">
      <c r="B61" s="191">
        <v>104</v>
      </c>
      <c r="C61" s="35" t="s">
        <v>74</v>
      </c>
      <c r="D61" s="200">
        <v>1.2931034482758621E-2</v>
      </c>
      <c r="E61" s="196">
        <v>5.1724137931034482E-2</v>
      </c>
      <c r="F61" s="196">
        <v>0</v>
      </c>
      <c r="G61" s="196">
        <v>4.3103448275862068E-3</v>
      </c>
      <c r="H61" s="196">
        <v>0</v>
      </c>
      <c r="I61" s="196">
        <v>0.15948275862068967</v>
      </c>
      <c r="J61" s="196">
        <v>7.3275862068965511E-2</v>
      </c>
      <c r="K61" s="196">
        <v>7.7586206896551727E-2</v>
      </c>
      <c r="L61" s="196">
        <v>8.6206896551724137E-3</v>
      </c>
      <c r="M61" s="196">
        <v>1.7241379310344827E-2</v>
      </c>
      <c r="N61" s="196">
        <v>2.1551724137931036E-2</v>
      </c>
      <c r="O61" s="196">
        <v>7.7586206896551727E-2</v>
      </c>
      <c r="P61" s="196">
        <v>3.8793103448275863E-2</v>
      </c>
      <c r="Q61" s="196">
        <v>0.29310344827586204</v>
      </c>
      <c r="R61" s="208">
        <v>0.16379310344827586</v>
      </c>
      <c r="S61" s="209">
        <v>1</v>
      </c>
    </row>
    <row r="62" spans="2:20" ht="19.95" customHeight="1" x14ac:dyDescent="0.2">
      <c r="B62" s="244" t="s">
        <v>22</v>
      </c>
      <c r="C62" s="202" t="s">
        <v>0</v>
      </c>
      <c r="D62" s="199">
        <v>5</v>
      </c>
      <c r="E62" s="163">
        <v>26</v>
      </c>
      <c r="F62" s="163">
        <v>0</v>
      </c>
      <c r="G62" s="163">
        <v>1</v>
      </c>
      <c r="H62" s="163">
        <v>0</v>
      </c>
      <c r="I62" s="163">
        <v>47</v>
      </c>
      <c r="J62" s="163">
        <v>21</v>
      </c>
      <c r="K62" s="163">
        <v>19</v>
      </c>
      <c r="L62" s="163">
        <v>1</v>
      </c>
      <c r="M62" s="163">
        <v>18</v>
      </c>
      <c r="N62" s="163">
        <v>10</v>
      </c>
      <c r="O62" s="163">
        <v>59</v>
      </c>
      <c r="P62" s="163">
        <v>22</v>
      </c>
      <c r="Q62" s="163">
        <v>107</v>
      </c>
      <c r="R62" s="164">
        <v>99</v>
      </c>
      <c r="S62" s="165">
        <v>435</v>
      </c>
    </row>
    <row r="63" spans="2:20" ht="19.95" customHeight="1" thickBot="1" x14ac:dyDescent="0.25">
      <c r="B63" s="187">
        <v>274</v>
      </c>
      <c r="C63" s="57" t="s">
        <v>74</v>
      </c>
      <c r="D63" s="194">
        <v>1.1494252873563218E-2</v>
      </c>
      <c r="E63" s="61">
        <v>5.9770114942528735E-2</v>
      </c>
      <c r="F63" s="61">
        <v>0</v>
      </c>
      <c r="G63" s="61">
        <v>2.2988505747126436E-3</v>
      </c>
      <c r="H63" s="61">
        <v>0</v>
      </c>
      <c r="I63" s="61">
        <v>0.10804597701149425</v>
      </c>
      <c r="J63" s="61">
        <v>4.8275862068965517E-2</v>
      </c>
      <c r="K63" s="61">
        <v>4.3678160919540229E-2</v>
      </c>
      <c r="L63" s="61">
        <v>2.2988505747126436E-3</v>
      </c>
      <c r="M63" s="61">
        <v>4.1379310344827586E-2</v>
      </c>
      <c r="N63" s="61">
        <v>2.2988505747126436E-2</v>
      </c>
      <c r="O63" s="61">
        <v>0.13563218390804599</v>
      </c>
      <c r="P63" s="61">
        <v>5.057471264367816E-2</v>
      </c>
      <c r="Q63" s="61">
        <v>0.24597701149425288</v>
      </c>
      <c r="R63" s="62">
        <v>0.22758620689655173</v>
      </c>
      <c r="S63" s="166">
        <v>1</v>
      </c>
    </row>
    <row r="65" spans="2:10" ht="19.95" customHeight="1" thickBot="1" x14ac:dyDescent="0.25">
      <c r="B65" s="1" t="s">
        <v>255</v>
      </c>
      <c r="C65" s="210"/>
      <c r="D65" s="26"/>
      <c r="E65" s="26"/>
      <c r="F65" s="26"/>
    </row>
    <row r="66" spans="2:10" ht="19.95" customHeight="1" thickBot="1" x14ac:dyDescent="0.25">
      <c r="B66" s="443"/>
      <c r="C66" s="444"/>
      <c r="D66" s="142" t="s">
        <v>114</v>
      </c>
      <c r="E66" s="49" t="s">
        <v>115</v>
      </c>
      <c r="F66" s="74" t="s">
        <v>116</v>
      </c>
      <c r="G66" s="64" t="s">
        <v>2</v>
      </c>
      <c r="H66" s="99" t="s">
        <v>54</v>
      </c>
    </row>
    <row r="67" spans="2:10" ht="19.95" customHeight="1" thickTop="1" x14ac:dyDescent="0.2">
      <c r="B67" s="140" t="s">
        <v>21</v>
      </c>
      <c r="C67" s="34" t="s">
        <v>0</v>
      </c>
      <c r="D67" s="167">
        <v>56</v>
      </c>
      <c r="E67" s="168">
        <v>8</v>
      </c>
      <c r="F67" s="168">
        <v>42</v>
      </c>
      <c r="G67" s="169">
        <v>118</v>
      </c>
      <c r="H67" s="102">
        <v>224</v>
      </c>
    </row>
    <row r="68" spans="2:10" ht="19.95" customHeight="1" x14ac:dyDescent="0.2">
      <c r="B68" s="191">
        <v>104</v>
      </c>
      <c r="C68" s="35" t="s">
        <v>74</v>
      </c>
      <c r="D68" s="205">
        <v>0.25</v>
      </c>
      <c r="E68" s="174">
        <v>3.5714285714285712E-2</v>
      </c>
      <c r="F68" s="174">
        <v>0.1875</v>
      </c>
      <c r="G68" s="175">
        <v>0.5267857142857143</v>
      </c>
      <c r="H68" s="176">
        <v>1</v>
      </c>
    </row>
    <row r="69" spans="2:10" ht="19.95" customHeight="1" x14ac:dyDescent="0.2">
      <c r="B69" s="191" t="s">
        <v>22</v>
      </c>
      <c r="C69" s="35" t="s">
        <v>0</v>
      </c>
      <c r="D69" s="204">
        <v>104</v>
      </c>
      <c r="E69" s="197">
        <v>13</v>
      </c>
      <c r="F69" s="197">
        <v>50</v>
      </c>
      <c r="G69" s="206">
        <v>265</v>
      </c>
      <c r="H69" s="207">
        <v>432</v>
      </c>
    </row>
    <row r="70" spans="2:10" ht="19.95" customHeight="1" thickBot="1" x14ac:dyDescent="0.25">
      <c r="B70" s="187">
        <v>274</v>
      </c>
      <c r="C70" s="73" t="s">
        <v>74</v>
      </c>
      <c r="D70" s="105">
        <v>0.24074074074074073</v>
      </c>
      <c r="E70" s="98">
        <v>3.0092592592592591E-2</v>
      </c>
      <c r="F70" s="98">
        <v>0.11574074074074074</v>
      </c>
      <c r="G70" s="120">
        <v>0.61342592592592593</v>
      </c>
      <c r="H70" s="170">
        <v>1</v>
      </c>
    </row>
    <row r="71" spans="2:10" ht="19.95" customHeight="1" x14ac:dyDescent="0.2">
      <c r="B71" s="210"/>
      <c r="C71" s="210"/>
      <c r="D71" s="171"/>
      <c r="E71" s="171"/>
      <c r="F71" s="171"/>
      <c r="G71" s="171"/>
      <c r="H71" s="171"/>
    </row>
    <row r="72" spans="2:10" ht="19.95" customHeight="1" thickBot="1" x14ac:dyDescent="0.25">
      <c r="B72" s="1" t="s">
        <v>256</v>
      </c>
      <c r="D72" s="75"/>
    </row>
    <row r="73" spans="2:10" ht="19.95" customHeight="1" thickBot="1" x14ac:dyDescent="0.25">
      <c r="B73" s="441"/>
      <c r="C73" s="445"/>
      <c r="D73" s="138" t="s">
        <v>117</v>
      </c>
      <c r="E73" s="122" t="s">
        <v>230</v>
      </c>
      <c r="F73" s="49" t="s">
        <v>118</v>
      </c>
      <c r="G73" s="76" t="s">
        <v>119</v>
      </c>
      <c r="H73" s="71" t="s">
        <v>50</v>
      </c>
      <c r="I73" s="64" t="s">
        <v>2</v>
      </c>
      <c r="J73" s="99" t="s">
        <v>54</v>
      </c>
    </row>
    <row r="74" spans="2:10" ht="19.95" customHeight="1" thickTop="1" x14ac:dyDescent="0.2">
      <c r="B74" s="139" t="s">
        <v>21</v>
      </c>
      <c r="C74" s="189" t="s">
        <v>0</v>
      </c>
      <c r="D74" s="154">
        <v>26</v>
      </c>
      <c r="E74" s="155">
        <v>3</v>
      </c>
      <c r="F74" s="155">
        <v>9</v>
      </c>
      <c r="G74" s="155">
        <v>0</v>
      </c>
      <c r="H74" s="155">
        <v>10</v>
      </c>
      <c r="I74" s="156">
        <v>17</v>
      </c>
      <c r="J74" s="100">
        <v>65</v>
      </c>
    </row>
    <row r="75" spans="2:10" ht="19.95" customHeight="1" x14ac:dyDescent="0.2">
      <c r="B75" s="191">
        <v>36</v>
      </c>
      <c r="C75" s="172" t="s">
        <v>74</v>
      </c>
      <c r="D75" s="173">
        <v>0.4</v>
      </c>
      <c r="E75" s="174">
        <v>4.6153846153846156E-2</v>
      </c>
      <c r="F75" s="174">
        <v>0.13846153846153847</v>
      </c>
      <c r="G75" s="174">
        <v>0</v>
      </c>
      <c r="H75" s="174">
        <v>0.15384615384615385</v>
      </c>
      <c r="I75" s="175">
        <v>0.26153846153846155</v>
      </c>
      <c r="J75" s="176">
        <v>1</v>
      </c>
    </row>
    <row r="76" spans="2:10" ht="19.95" customHeight="1" x14ac:dyDescent="0.2">
      <c r="B76" s="141" t="s">
        <v>22</v>
      </c>
      <c r="C76" s="172" t="s">
        <v>0</v>
      </c>
      <c r="D76" s="157">
        <v>25</v>
      </c>
      <c r="E76" s="158">
        <v>11</v>
      </c>
      <c r="F76" s="158">
        <v>25</v>
      </c>
      <c r="G76" s="158">
        <v>4</v>
      </c>
      <c r="H76" s="158">
        <v>23</v>
      </c>
      <c r="I76" s="159">
        <v>52</v>
      </c>
      <c r="J76" s="101">
        <v>140</v>
      </c>
    </row>
    <row r="77" spans="2:10" ht="19.95" customHeight="1" thickBot="1" x14ac:dyDescent="0.25">
      <c r="B77" s="187">
        <v>67</v>
      </c>
      <c r="C77" s="203" t="s">
        <v>74</v>
      </c>
      <c r="D77" s="97">
        <v>0.17857142857142858</v>
      </c>
      <c r="E77" s="98">
        <v>7.857142857142857E-2</v>
      </c>
      <c r="F77" s="98">
        <v>0.17857142857142858</v>
      </c>
      <c r="G77" s="98">
        <v>2.8571428571428571E-2</v>
      </c>
      <c r="H77" s="98">
        <v>0.16428571428571428</v>
      </c>
      <c r="I77" s="120">
        <v>0.37142857142857144</v>
      </c>
      <c r="J77" s="170">
        <v>1</v>
      </c>
    </row>
  </sheetData>
  <mergeCells count="24">
    <mergeCell ref="D20:H20"/>
    <mergeCell ref="I20:M20"/>
    <mergeCell ref="N20:R20"/>
    <mergeCell ref="B36:B44"/>
    <mergeCell ref="B45:B53"/>
    <mergeCell ref="B34:B35"/>
    <mergeCell ref="C34:C35"/>
    <mergeCell ref="D34:H34"/>
    <mergeCell ref="B59:C59"/>
    <mergeCell ref="B66:C66"/>
    <mergeCell ref="B73:C73"/>
    <mergeCell ref="N5:R5"/>
    <mergeCell ref="B7:B11"/>
    <mergeCell ref="B12:B17"/>
    <mergeCell ref="B5:B6"/>
    <mergeCell ref="C5:C6"/>
    <mergeCell ref="D5:H5"/>
    <mergeCell ref="I5:M5"/>
    <mergeCell ref="I34:M34"/>
    <mergeCell ref="N34:R34"/>
    <mergeCell ref="B27:B31"/>
    <mergeCell ref="B22:B26"/>
    <mergeCell ref="B20:B21"/>
    <mergeCell ref="C20:C21"/>
  </mergeCells>
  <phoneticPr fontId="9"/>
  <printOptions horizontalCentered="1"/>
  <pageMargins left="0.31496062992125984" right="0.31496062992125984" top="0.74803149606299213" bottom="0.74803149606299213" header="0.31496062992125984" footer="0.31496062992125984"/>
  <pageSetup paperSize="9" scale="54" fitToHeight="0" orientation="landscape" r:id="rId1"/>
  <headerFooter scaleWithDoc="0" alignWithMargins="0">
    <oddFooter>&amp;C&amp;P</oddFooter>
  </headerFooter>
  <rowBreaks count="1" manualBreakCount="1">
    <brk id="31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62"/>
  <sheetViews>
    <sheetView view="pageBreakPreview" zoomScale="80" zoomScaleNormal="80" zoomScaleSheetLayoutView="80" workbookViewId="0">
      <selection activeCell="D11" sqref="D11"/>
    </sheetView>
  </sheetViews>
  <sheetFormatPr defaultColWidth="14.77734375" defaultRowHeight="19.95" customHeight="1" x14ac:dyDescent="0.2"/>
  <cols>
    <col min="1" max="1" width="6.88671875" style="1" customWidth="1"/>
    <col min="2" max="2" width="14.77734375" style="1"/>
    <col min="3" max="23" width="10.77734375" style="1" customWidth="1"/>
    <col min="24" max="16384" width="14.77734375" style="1"/>
  </cols>
  <sheetData>
    <row r="1" spans="1:23" ht="19.95" customHeight="1" x14ac:dyDescent="0.2">
      <c r="A1" s="5" t="s">
        <v>121</v>
      </c>
      <c r="B1" s="5"/>
      <c r="F1" s="25"/>
    </row>
    <row r="2" spans="1:23" ht="19.95" customHeight="1" x14ac:dyDescent="0.2">
      <c r="A2" s="5"/>
      <c r="B2" s="5"/>
      <c r="F2" s="25"/>
    </row>
    <row r="3" spans="1:23" ht="19.95" customHeight="1" thickBot="1" x14ac:dyDescent="0.25">
      <c r="A3" s="1" t="s">
        <v>95</v>
      </c>
    </row>
    <row r="4" spans="1:23" ht="19.95" customHeight="1" thickBot="1" x14ac:dyDescent="0.25">
      <c r="A4" s="479"/>
      <c r="B4" s="483" t="s">
        <v>23</v>
      </c>
      <c r="C4" s="473" t="s">
        <v>92</v>
      </c>
      <c r="D4" s="474"/>
      <c r="E4" s="474"/>
      <c r="F4" s="474"/>
      <c r="G4" s="474"/>
      <c r="H4" s="474"/>
      <c r="I4" s="474"/>
      <c r="J4" s="474"/>
      <c r="K4" s="474"/>
      <c r="L4" s="473" t="s">
        <v>93</v>
      </c>
      <c r="M4" s="474"/>
      <c r="N4" s="474"/>
      <c r="O4" s="474"/>
      <c r="P4" s="474"/>
      <c r="Q4" s="474"/>
      <c r="R4" s="474"/>
      <c r="S4" s="474"/>
      <c r="T4" s="475"/>
      <c r="U4" s="478" t="s">
        <v>94</v>
      </c>
      <c r="V4" s="459"/>
      <c r="W4" s="460"/>
    </row>
    <row r="5" spans="1:23" ht="19.95" customHeight="1" thickTop="1" thickBot="1" x14ac:dyDescent="0.25">
      <c r="A5" s="480"/>
      <c r="B5" s="484"/>
      <c r="C5" s="464" t="s">
        <v>30</v>
      </c>
      <c r="D5" s="465"/>
      <c r="E5" s="466"/>
      <c r="F5" s="465" t="s">
        <v>31</v>
      </c>
      <c r="G5" s="465"/>
      <c r="H5" s="466"/>
      <c r="I5" s="464" t="s">
        <v>32</v>
      </c>
      <c r="J5" s="465"/>
      <c r="K5" s="465"/>
      <c r="L5" s="464" t="s">
        <v>30</v>
      </c>
      <c r="M5" s="465"/>
      <c r="N5" s="466"/>
      <c r="O5" s="464" t="s">
        <v>31</v>
      </c>
      <c r="P5" s="465"/>
      <c r="Q5" s="466"/>
      <c r="R5" s="464" t="s">
        <v>32</v>
      </c>
      <c r="S5" s="465"/>
      <c r="T5" s="466"/>
      <c r="U5" s="462"/>
      <c r="V5" s="462"/>
      <c r="W5" s="463"/>
    </row>
    <row r="6" spans="1:23" ht="19.95" customHeight="1" thickTop="1" thickBot="1" x14ac:dyDescent="0.25">
      <c r="A6" s="482"/>
      <c r="B6" s="485"/>
      <c r="C6" s="255" t="s">
        <v>33</v>
      </c>
      <c r="D6" s="256" t="s">
        <v>34</v>
      </c>
      <c r="E6" s="257" t="s">
        <v>35</v>
      </c>
      <c r="F6" s="255" t="s">
        <v>33</v>
      </c>
      <c r="G6" s="256" t="s">
        <v>34</v>
      </c>
      <c r="H6" s="257" t="s">
        <v>35</v>
      </c>
      <c r="I6" s="255" t="s">
        <v>33</v>
      </c>
      <c r="J6" s="258" t="s">
        <v>34</v>
      </c>
      <c r="K6" s="259" t="s">
        <v>35</v>
      </c>
      <c r="L6" s="255" t="s">
        <v>33</v>
      </c>
      <c r="M6" s="256" t="s">
        <v>34</v>
      </c>
      <c r="N6" s="257" t="s">
        <v>35</v>
      </c>
      <c r="O6" s="255" t="s">
        <v>33</v>
      </c>
      <c r="P6" s="256" t="s">
        <v>34</v>
      </c>
      <c r="Q6" s="257" t="s">
        <v>35</v>
      </c>
      <c r="R6" s="255" t="s">
        <v>33</v>
      </c>
      <c r="S6" s="256" t="s">
        <v>34</v>
      </c>
      <c r="T6" s="257" t="s">
        <v>35</v>
      </c>
      <c r="U6" s="260" t="s">
        <v>33</v>
      </c>
      <c r="V6" s="256" t="s">
        <v>34</v>
      </c>
      <c r="W6" s="211" t="s">
        <v>35</v>
      </c>
    </row>
    <row r="7" spans="1:23" ht="19.95" customHeight="1" thickTop="1" thickBot="1" x14ac:dyDescent="0.25">
      <c r="A7" s="486" t="s">
        <v>21</v>
      </c>
      <c r="B7" s="261" t="s">
        <v>37</v>
      </c>
      <c r="C7" s="13">
        <v>0</v>
      </c>
      <c r="D7" s="212">
        <v>0</v>
      </c>
      <c r="E7" s="213">
        <v>0</v>
      </c>
      <c r="F7" s="13">
        <v>0</v>
      </c>
      <c r="G7" s="212">
        <v>0</v>
      </c>
      <c r="H7" s="213">
        <v>0</v>
      </c>
      <c r="I7" s="13">
        <v>0</v>
      </c>
      <c r="J7" s="214">
        <v>0</v>
      </c>
      <c r="K7" s="215">
        <v>0</v>
      </c>
      <c r="L7" s="13">
        <v>0</v>
      </c>
      <c r="M7" s="212">
        <v>0</v>
      </c>
      <c r="N7" s="216">
        <v>0</v>
      </c>
      <c r="O7" s="10">
        <v>0</v>
      </c>
      <c r="P7" s="212">
        <v>0</v>
      </c>
      <c r="Q7" s="217">
        <v>0</v>
      </c>
      <c r="R7" s="13">
        <v>0</v>
      </c>
      <c r="S7" s="212">
        <v>0</v>
      </c>
      <c r="T7" s="213">
        <v>0</v>
      </c>
      <c r="U7" s="10">
        <v>0</v>
      </c>
      <c r="V7" s="212">
        <v>0</v>
      </c>
      <c r="W7" s="213">
        <v>0</v>
      </c>
    </row>
    <row r="8" spans="1:23" ht="19.95" customHeight="1" thickTop="1" thickBot="1" x14ac:dyDescent="0.25">
      <c r="A8" s="480"/>
      <c r="B8" s="262" t="s">
        <v>6</v>
      </c>
      <c r="C8" s="15">
        <v>1</v>
      </c>
      <c r="D8" s="218">
        <v>1</v>
      </c>
      <c r="E8" s="219">
        <v>2</v>
      </c>
      <c r="F8" s="15">
        <v>0</v>
      </c>
      <c r="G8" s="218">
        <v>1</v>
      </c>
      <c r="H8" s="219">
        <v>1</v>
      </c>
      <c r="I8" s="15">
        <v>1</v>
      </c>
      <c r="J8" s="218">
        <v>0</v>
      </c>
      <c r="K8" s="220">
        <v>1</v>
      </c>
      <c r="L8" s="15">
        <v>16</v>
      </c>
      <c r="M8" s="218">
        <v>5</v>
      </c>
      <c r="N8" s="221">
        <v>21</v>
      </c>
      <c r="O8" s="31">
        <v>5</v>
      </c>
      <c r="P8" s="218">
        <v>0</v>
      </c>
      <c r="Q8" s="222">
        <v>5</v>
      </c>
      <c r="R8" s="15">
        <v>11</v>
      </c>
      <c r="S8" s="218">
        <v>5</v>
      </c>
      <c r="T8" s="219">
        <v>16</v>
      </c>
      <c r="U8" s="31">
        <v>17</v>
      </c>
      <c r="V8" s="218">
        <v>6</v>
      </c>
      <c r="W8" s="219">
        <v>23</v>
      </c>
    </row>
    <row r="9" spans="1:23" ht="19.95" customHeight="1" thickTop="1" thickBot="1" x14ac:dyDescent="0.25">
      <c r="A9" s="480"/>
      <c r="B9" s="262" t="s">
        <v>25</v>
      </c>
      <c r="C9" s="41">
        <v>8</v>
      </c>
      <c r="D9" s="218">
        <v>2</v>
      </c>
      <c r="E9" s="223">
        <v>10</v>
      </c>
      <c r="F9" s="41">
        <v>3</v>
      </c>
      <c r="G9" s="218">
        <v>1</v>
      </c>
      <c r="H9" s="223">
        <v>4</v>
      </c>
      <c r="I9" s="15">
        <v>5</v>
      </c>
      <c r="J9" s="218">
        <v>1</v>
      </c>
      <c r="K9" s="220">
        <v>6</v>
      </c>
      <c r="L9" s="15">
        <v>92</v>
      </c>
      <c r="M9" s="218">
        <v>23</v>
      </c>
      <c r="N9" s="221">
        <v>115</v>
      </c>
      <c r="O9" s="31">
        <v>50</v>
      </c>
      <c r="P9" s="218">
        <v>16</v>
      </c>
      <c r="Q9" s="222">
        <v>66</v>
      </c>
      <c r="R9" s="15">
        <v>42</v>
      </c>
      <c r="S9" s="218">
        <v>7</v>
      </c>
      <c r="T9" s="219">
        <v>49</v>
      </c>
      <c r="U9" s="31">
        <v>100</v>
      </c>
      <c r="V9" s="218">
        <v>25</v>
      </c>
      <c r="W9" s="219">
        <v>125</v>
      </c>
    </row>
    <row r="10" spans="1:23" ht="19.95" customHeight="1" thickTop="1" thickBot="1" x14ac:dyDescent="0.25">
      <c r="A10" s="480"/>
      <c r="B10" s="263" t="s">
        <v>29</v>
      </c>
      <c r="C10" s="151">
        <v>1</v>
      </c>
      <c r="D10" s="224">
        <v>0</v>
      </c>
      <c r="E10" s="225">
        <v>1</v>
      </c>
      <c r="F10" s="151">
        <v>1</v>
      </c>
      <c r="G10" s="224">
        <v>0</v>
      </c>
      <c r="H10" s="225">
        <v>1</v>
      </c>
      <c r="I10" s="151">
        <v>0</v>
      </c>
      <c r="J10" s="224">
        <v>0</v>
      </c>
      <c r="K10" s="226">
        <v>0</v>
      </c>
      <c r="L10" s="151">
        <v>27</v>
      </c>
      <c r="M10" s="224">
        <v>4</v>
      </c>
      <c r="N10" s="227">
        <v>31</v>
      </c>
      <c r="O10" s="132">
        <v>15</v>
      </c>
      <c r="P10" s="224">
        <v>2</v>
      </c>
      <c r="Q10" s="228">
        <v>17</v>
      </c>
      <c r="R10" s="151">
        <v>12</v>
      </c>
      <c r="S10" s="224">
        <v>2</v>
      </c>
      <c r="T10" s="225">
        <v>14</v>
      </c>
      <c r="U10" s="132">
        <v>28</v>
      </c>
      <c r="V10" s="224">
        <v>4</v>
      </c>
      <c r="W10" s="225">
        <v>32</v>
      </c>
    </row>
    <row r="11" spans="1:23" ht="19.95" customHeight="1" thickTop="1" thickBot="1" x14ac:dyDescent="0.25">
      <c r="A11" s="487"/>
      <c r="B11" s="264" t="s">
        <v>36</v>
      </c>
      <c r="C11" s="229">
        <v>10</v>
      </c>
      <c r="D11" s="230">
        <v>3</v>
      </c>
      <c r="E11" s="231">
        <v>13</v>
      </c>
      <c r="F11" s="229">
        <v>4</v>
      </c>
      <c r="G11" s="230">
        <v>2</v>
      </c>
      <c r="H11" s="231">
        <v>6</v>
      </c>
      <c r="I11" s="232">
        <v>6</v>
      </c>
      <c r="J11" s="230">
        <v>1</v>
      </c>
      <c r="K11" s="48">
        <v>7</v>
      </c>
      <c r="L11" s="232">
        <v>135</v>
      </c>
      <c r="M11" s="230">
        <v>32</v>
      </c>
      <c r="N11" s="233">
        <v>167</v>
      </c>
      <c r="O11" s="234">
        <v>70</v>
      </c>
      <c r="P11" s="230">
        <v>18</v>
      </c>
      <c r="Q11" s="25">
        <v>88</v>
      </c>
      <c r="R11" s="232">
        <v>65</v>
      </c>
      <c r="S11" s="230">
        <v>14</v>
      </c>
      <c r="T11" s="235">
        <v>79</v>
      </c>
      <c r="U11" s="234">
        <v>145</v>
      </c>
      <c r="V11" s="230">
        <v>35</v>
      </c>
      <c r="W11" s="235">
        <v>180</v>
      </c>
    </row>
    <row r="12" spans="1:23" ht="19.95" customHeight="1" thickBot="1" x14ac:dyDescent="0.25">
      <c r="A12" s="479" t="s">
        <v>22</v>
      </c>
      <c r="B12" s="265" t="s">
        <v>37</v>
      </c>
      <c r="C12" s="236">
        <v>0</v>
      </c>
      <c r="D12" s="237">
        <v>0</v>
      </c>
      <c r="E12" s="238">
        <v>0</v>
      </c>
      <c r="F12" s="236">
        <v>0</v>
      </c>
      <c r="G12" s="237">
        <v>0</v>
      </c>
      <c r="H12" s="239">
        <v>0</v>
      </c>
      <c r="I12" s="33">
        <v>0</v>
      </c>
      <c r="J12" s="237">
        <v>0</v>
      </c>
      <c r="K12" s="238">
        <v>0</v>
      </c>
      <c r="L12" s="236">
        <v>6</v>
      </c>
      <c r="M12" s="237">
        <v>2</v>
      </c>
      <c r="N12" s="239">
        <v>8</v>
      </c>
      <c r="O12" s="33">
        <v>2</v>
      </c>
      <c r="P12" s="237">
        <v>1</v>
      </c>
      <c r="Q12" s="238">
        <v>3</v>
      </c>
      <c r="R12" s="236">
        <v>4</v>
      </c>
      <c r="S12" s="237">
        <v>1</v>
      </c>
      <c r="T12" s="240">
        <v>5</v>
      </c>
      <c r="U12" s="33">
        <v>6</v>
      </c>
      <c r="V12" s="237">
        <v>2</v>
      </c>
      <c r="W12" s="240">
        <v>8</v>
      </c>
    </row>
    <row r="13" spans="1:23" ht="19.95" customHeight="1" thickTop="1" thickBot="1" x14ac:dyDescent="0.25">
      <c r="A13" s="480"/>
      <c r="B13" s="262" t="s">
        <v>6</v>
      </c>
      <c r="C13" s="13">
        <v>9</v>
      </c>
      <c r="D13" s="212">
        <v>1</v>
      </c>
      <c r="E13" s="217">
        <v>10</v>
      </c>
      <c r="F13" s="13">
        <v>6</v>
      </c>
      <c r="G13" s="212">
        <v>1</v>
      </c>
      <c r="H13" s="216">
        <v>7</v>
      </c>
      <c r="I13" s="10">
        <v>3</v>
      </c>
      <c r="J13" s="212">
        <v>0</v>
      </c>
      <c r="K13" s="217">
        <v>3</v>
      </c>
      <c r="L13" s="13">
        <v>79</v>
      </c>
      <c r="M13" s="212">
        <v>40</v>
      </c>
      <c r="N13" s="216">
        <v>119</v>
      </c>
      <c r="O13" s="10">
        <v>38</v>
      </c>
      <c r="P13" s="212">
        <v>19</v>
      </c>
      <c r="Q13" s="217">
        <v>57</v>
      </c>
      <c r="R13" s="13">
        <v>41</v>
      </c>
      <c r="S13" s="212">
        <v>21</v>
      </c>
      <c r="T13" s="213">
        <v>62</v>
      </c>
      <c r="U13" s="10">
        <v>88</v>
      </c>
      <c r="V13" s="212">
        <v>41</v>
      </c>
      <c r="W13" s="213">
        <v>129</v>
      </c>
    </row>
    <row r="14" spans="1:23" ht="19.95" customHeight="1" thickTop="1" thickBot="1" x14ac:dyDescent="0.25">
      <c r="A14" s="480"/>
      <c r="B14" s="262" t="s">
        <v>25</v>
      </c>
      <c r="C14" s="13">
        <v>21</v>
      </c>
      <c r="D14" s="212">
        <v>5</v>
      </c>
      <c r="E14" s="217">
        <v>26</v>
      </c>
      <c r="F14" s="13">
        <v>17</v>
      </c>
      <c r="G14" s="212">
        <v>3</v>
      </c>
      <c r="H14" s="216">
        <v>20</v>
      </c>
      <c r="I14" s="10">
        <v>4</v>
      </c>
      <c r="J14" s="212">
        <v>2</v>
      </c>
      <c r="K14" s="217">
        <v>6</v>
      </c>
      <c r="L14" s="13">
        <v>160</v>
      </c>
      <c r="M14" s="212">
        <v>41</v>
      </c>
      <c r="N14" s="216">
        <v>201</v>
      </c>
      <c r="O14" s="10">
        <v>81</v>
      </c>
      <c r="P14" s="212">
        <v>20</v>
      </c>
      <c r="Q14" s="217">
        <v>101</v>
      </c>
      <c r="R14" s="13">
        <v>79</v>
      </c>
      <c r="S14" s="212">
        <v>21</v>
      </c>
      <c r="T14" s="213">
        <v>100</v>
      </c>
      <c r="U14" s="10">
        <v>181</v>
      </c>
      <c r="V14" s="212">
        <v>46</v>
      </c>
      <c r="W14" s="213">
        <v>227</v>
      </c>
    </row>
    <row r="15" spans="1:23" ht="19.95" customHeight="1" thickTop="1" thickBot="1" x14ac:dyDescent="0.25">
      <c r="A15" s="480"/>
      <c r="B15" s="262" t="s">
        <v>26</v>
      </c>
      <c r="C15" s="13">
        <v>3</v>
      </c>
      <c r="D15" s="212">
        <v>2</v>
      </c>
      <c r="E15" s="217">
        <v>5</v>
      </c>
      <c r="F15" s="13">
        <v>1</v>
      </c>
      <c r="G15" s="212">
        <v>1</v>
      </c>
      <c r="H15" s="216">
        <v>2</v>
      </c>
      <c r="I15" s="10">
        <v>2</v>
      </c>
      <c r="J15" s="212">
        <v>1</v>
      </c>
      <c r="K15" s="217">
        <v>3</v>
      </c>
      <c r="L15" s="13">
        <v>26</v>
      </c>
      <c r="M15" s="212">
        <v>5</v>
      </c>
      <c r="N15" s="216">
        <v>31</v>
      </c>
      <c r="O15" s="10">
        <v>17</v>
      </c>
      <c r="P15" s="212">
        <v>2</v>
      </c>
      <c r="Q15" s="217">
        <v>19</v>
      </c>
      <c r="R15" s="13">
        <v>9</v>
      </c>
      <c r="S15" s="212">
        <v>3</v>
      </c>
      <c r="T15" s="213">
        <v>12</v>
      </c>
      <c r="U15" s="10">
        <v>29</v>
      </c>
      <c r="V15" s="212">
        <v>7</v>
      </c>
      <c r="W15" s="213">
        <v>36</v>
      </c>
    </row>
    <row r="16" spans="1:23" ht="19.95" customHeight="1" thickTop="1" thickBot="1" x14ac:dyDescent="0.25">
      <c r="A16" s="480"/>
      <c r="B16" s="263" t="s">
        <v>27</v>
      </c>
      <c r="C16" s="151">
        <v>0</v>
      </c>
      <c r="D16" s="224">
        <v>0</v>
      </c>
      <c r="E16" s="228">
        <v>0</v>
      </c>
      <c r="F16" s="151">
        <v>0</v>
      </c>
      <c r="G16" s="224">
        <v>0</v>
      </c>
      <c r="H16" s="227">
        <v>0</v>
      </c>
      <c r="I16" s="132">
        <v>0</v>
      </c>
      <c r="J16" s="224">
        <v>0</v>
      </c>
      <c r="K16" s="228">
        <v>0</v>
      </c>
      <c r="L16" s="151">
        <v>5</v>
      </c>
      <c r="M16" s="224">
        <v>0</v>
      </c>
      <c r="N16" s="227">
        <v>5</v>
      </c>
      <c r="O16" s="132">
        <v>4</v>
      </c>
      <c r="P16" s="224">
        <v>0</v>
      </c>
      <c r="Q16" s="228">
        <v>4</v>
      </c>
      <c r="R16" s="151">
        <v>1</v>
      </c>
      <c r="S16" s="224">
        <v>0</v>
      </c>
      <c r="T16" s="225">
        <v>1</v>
      </c>
      <c r="U16" s="132">
        <v>5</v>
      </c>
      <c r="V16" s="224">
        <v>0</v>
      </c>
      <c r="W16" s="225">
        <v>5</v>
      </c>
    </row>
    <row r="17" spans="1:23" ht="19.95" customHeight="1" thickTop="1" thickBot="1" x14ac:dyDescent="0.25">
      <c r="A17" s="481"/>
      <c r="B17" s="266" t="s">
        <v>36</v>
      </c>
      <c r="C17" s="46">
        <v>33</v>
      </c>
      <c r="D17" s="241">
        <v>8</v>
      </c>
      <c r="E17" s="242">
        <v>41</v>
      </c>
      <c r="F17" s="46">
        <v>24</v>
      </c>
      <c r="G17" s="241">
        <v>5</v>
      </c>
      <c r="H17" s="243">
        <v>29</v>
      </c>
      <c r="I17" s="42">
        <v>9</v>
      </c>
      <c r="J17" s="241">
        <v>3</v>
      </c>
      <c r="K17" s="242">
        <v>12</v>
      </c>
      <c r="L17" s="46">
        <v>276</v>
      </c>
      <c r="M17" s="241">
        <v>88</v>
      </c>
      <c r="N17" s="243">
        <v>364</v>
      </c>
      <c r="O17" s="42">
        <v>142</v>
      </c>
      <c r="P17" s="241">
        <v>42</v>
      </c>
      <c r="Q17" s="242">
        <v>184</v>
      </c>
      <c r="R17" s="46">
        <v>134</v>
      </c>
      <c r="S17" s="241">
        <v>46</v>
      </c>
      <c r="T17" s="43">
        <v>180</v>
      </c>
      <c r="U17" s="42">
        <v>309</v>
      </c>
      <c r="V17" s="241">
        <v>96</v>
      </c>
      <c r="W17" s="43">
        <v>405</v>
      </c>
    </row>
    <row r="18" spans="1:23" ht="19.95" customHeight="1" x14ac:dyDescent="0.2">
      <c r="B18" s="267"/>
      <c r="C18" s="25"/>
      <c r="D18" s="25"/>
      <c r="E18" s="25"/>
      <c r="F18" s="25"/>
      <c r="G18" s="25"/>
      <c r="H18" s="25"/>
      <c r="I18" s="25"/>
      <c r="J18" s="25"/>
      <c r="K18" s="48"/>
      <c r="L18" s="25"/>
      <c r="M18" s="25"/>
      <c r="N18" s="25"/>
      <c r="O18" s="25"/>
      <c r="P18" s="25"/>
      <c r="Q18" s="25"/>
      <c r="R18" s="25"/>
      <c r="S18" s="25"/>
      <c r="T18" s="48"/>
      <c r="U18" s="25"/>
      <c r="V18" s="25"/>
      <c r="W18" s="25"/>
    </row>
    <row r="19" spans="1:23" ht="19.95" customHeight="1" thickBot="1" x14ac:dyDescent="0.25">
      <c r="A19" s="1" t="s">
        <v>96</v>
      </c>
    </row>
    <row r="20" spans="1:23" ht="19.95" customHeight="1" thickBot="1" x14ac:dyDescent="0.25">
      <c r="A20" s="479"/>
      <c r="B20" s="474" t="s">
        <v>91</v>
      </c>
      <c r="C20" s="473" t="s">
        <v>92</v>
      </c>
      <c r="D20" s="474"/>
      <c r="E20" s="474"/>
      <c r="F20" s="474"/>
      <c r="G20" s="474"/>
      <c r="H20" s="474"/>
      <c r="I20" s="474"/>
      <c r="J20" s="474"/>
      <c r="K20" s="475"/>
      <c r="L20" s="476" t="s">
        <v>93</v>
      </c>
      <c r="M20" s="477"/>
      <c r="N20" s="477"/>
      <c r="O20" s="477"/>
      <c r="P20" s="477"/>
      <c r="Q20" s="477"/>
      <c r="R20" s="477"/>
      <c r="S20" s="477"/>
      <c r="T20" s="477"/>
      <c r="U20" s="458" t="s">
        <v>94</v>
      </c>
      <c r="V20" s="459"/>
      <c r="W20" s="460"/>
    </row>
    <row r="21" spans="1:23" ht="19.95" customHeight="1" thickTop="1" thickBot="1" x14ac:dyDescent="0.25">
      <c r="A21" s="480"/>
      <c r="B21" s="494"/>
      <c r="C21" s="464" t="s">
        <v>30</v>
      </c>
      <c r="D21" s="465"/>
      <c r="E21" s="466"/>
      <c r="F21" s="464" t="s">
        <v>31</v>
      </c>
      <c r="G21" s="465"/>
      <c r="H21" s="466"/>
      <c r="I21" s="464" t="s">
        <v>32</v>
      </c>
      <c r="J21" s="465"/>
      <c r="K21" s="466"/>
      <c r="L21" s="467" t="s">
        <v>30</v>
      </c>
      <c r="M21" s="467"/>
      <c r="N21" s="468"/>
      <c r="O21" s="469" t="s">
        <v>31</v>
      </c>
      <c r="P21" s="467"/>
      <c r="Q21" s="468"/>
      <c r="R21" s="470" t="s">
        <v>32</v>
      </c>
      <c r="S21" s="471"/>
      <c r="T21" s="472"/>
      <c r="U21" s="461"/>
      <c r="V21" s="462"/>
      <c r="W21" s="463"/>
    </row>
    <row r="22" spans="1:23" ht="19.95" customHeight="1" thickTop="1" thickBot="1" x14ac:dyDescent="0.25">
      <c r="A22" s="482"/>
      <c r="B22" s="495"/>
      <c r="C22" s="255" t="s">
        <v>33</v>
      </c>
      <c r="D22" s="256" t="s">
        <v>34</v>
      </c>
      <c r="E22" s="257" t="s">
        <v>35</v>
      </c>
      <c r="F22" s="255" t="s">
        <v>33</v>
      </c>
      <c r="G22" s="256" t="s">
        <v>34</v>
      </c>
      <c r="H22" s="257" t="s">
        <v>35</v>
      </c>
      <c r="I22" s="255" t="s">
        <v>33</v>
      </c>
      <c r="J22" s="256" t="s">
        <v>34</v>
      </c>
      <c r="K22" s="257" t="s">
        <v>35</v>
      </c>
      <c r="L22" s="260" t="s">
        <v>33</v>
      </c>
      <c r="M22" s="256" t="s">
        <v>34</v>
      </c>
      <c r="N22" s="257" t="s">
        <v>35</v>
      </c>
      <c r="O22" s="255" t="s">
        <v>33</v>
      </c>
      <c r="P22" s="256" t="s">
        <v>34</v>
      </c>
      <c r="Q22" s="257" t="s">
        <v>35</v>
      </c>
      <c r="R22" s="260" t="s">
        <v>33</v>
      </c>
      <c r="S22" s="256" t="s">
        <v>34</v>
      </c>
      <c r="T22" s="268" t="s">
        <v>35</v>
      </c>
      <c r="U22" s="255" t="s">
        <v>33</v>
      </c>
      <c r="V22" s="256" t="s">
        <v>34</v>
      </c>
      <c r="W22" s="211" t="s">
        <v>35</v>
      </c>
    </row>
    <row r="23" spans="1:23" ht="19.95" customHeight="1" thickTop="1" thickBot="1" x14ac:dyDescent="0.25">
      <c r="A23" s="490" t="s">
        <v>21</v>
      </c>
      <c r="B23" s="269" t="s">
        <v>8</v>
      </c>
      <c r="C23" s="13">
        <v>0</v>
      </c>
      <c r="D23" s="212">
        <v>0</v>
      </c>
      <c r="E23" s="213">
        <v>0</v>
      </c>
      <c r="F23" s="13">
        <v>0</v>
      </c>
      <c r="G23" s="212">
        <v>0</v>
      </c>
      <c r="H23" s="213">
        <v>0</v>
      </c>
      <c r="I23" s="13">
        <v>0</v>
      </c>
      <c r="J23" s="214">
        <v>0</v>
      </c>
      <c r="K23" s="245">
        <v>0</v>
      </c>
      <c r="L23" s="10">
        <v>0</v>
      </c>
      <c r="M23" s="212">
        <v>0</v>
      </c>
      <c r="N23" s="213">
        <v>0</v>
      </c>
      <c r="O23" s="13">
        <v>0</v>
      </c>
      <c r="P23" s="212">
        <v>0</v>
      </c>
      <c r="Q23" s="213">
        <v>0</v>
      </c>
      <c r="R23" s="13">
        <v>0</v>
      </c>
      <c r="S23" s="214">
        <v>0</v>
      </c>
      <c r="T23" s="215">
        <v>0</v>
      </c>
      <c r="U23" s="13">
        <v>0</v>
      </c>
      <c r="V23" s="214">
        <v>0</v>
      </c>
      <c r="W23" s="213">
        <v>0</v>
      </c>
    </row>
    <row r="24" spans="1:23" ht="19.95" customHeight="1" thickTop="1" thickBot="1" x14ac:dyDescent="0.25">
      <c r="A24" s="480"/>
      <c r="B24" s="270" t="s">
        <v>9</v>
      </c>
      <c r="C24" s="15">
        <v>0</v>
      </c>
      <c r="D24" s="218">
        <v>0</v>
      </c>
      <c r="E24" s="219">
        <v>0</v>
      </c>
      <c r="F24" s="15">
        <v>0</v>
      </c>
      <c r="G24" s="218">
        <v>0</v>
      </c>
      <c r="H24" s="219">
        <v>0</v>
      </c>
      <c r="I24" s="15">
        <v>0</v>
      </c>
      <c r="J24" s="218">
        <v>0</v>
      </c>
      <c r="K24" s="223">
        <v>0</v>
      </c>
      <c r="L24" s="10">
        <v>0</v>
      </c>
      <c r="M24" s="218">
        <v>0</v>
      </c>
      <c r="N24" s="219">
        <v>0</v>
      </c>
      <c r="O24" s="15">
        <v>0</v>
      </c>
      <c r="P24" s="218">
        <v>0</v>
      </c>
      <c r="Q24" s="219">
        <v>0</v>
      </c>
      <c r="R24" s="15">
        <v>0</v>
      </c>
      <c r="S24" s="218">
        <v>0</v>
      </c>
      <c r="T24" s="220">
        <v>0</v>
      </c>
      <c r="U24" s="15">
        <v>0</v>
      </c>
      <c r="V24" s="246">
        <v>0</v>
      </c>
      <c r="W24" s="219">
        <v>0</v>
      </c>
    </row>
    <row r="25" spans="1:23" ht="19.95" customHeight="1" thickTop="1" thickBot="1" x14ac:dyDescent="0.25">
      <c r="A25" s="480"/>
      <c r="B25" s="270" t="s">
        <v>10</v>
      </c>
      <c r="C25" s="15">
        <v>8</v>
      </c>
      <c r="D25" s="218">
        <v>3</v>
      </c>
      <c r="E25" s="219">
        <v>11</v>
      </c>
      <c r="F25" s="15">
        <v>3</v>
      </c>
      <c r="G25" s="218">
        <v>2</v>
      </c>
      <c r="H25" s="219">
        <v>5</v>
      </c>
      <c r="I25" s="15">
        <v>5</v>
      </c>
      <c r="J25" s="218">
        <v>1</v>
      </c>
      <c r="K25" s="223">
        <v>6</v>
      </c>
      <c r="L25" s="10">
        <v>105</v>
      </c>
      <c r="M25" s="218">
        <v>28</v>
      </c>
      <c r="N25" s="219">
        <v>133</v>
      </c>
      <c r="O25" s="15">
        <v>52</v>
      </c>
      <c r="P25" s="218">
        <v>17</v>
      </c>
      <c r="Q25" s="219">
        <v>69</v>
      </c>
      <c r="R25" s="15">
        <v>53</v>
      </c>
      <c r="S25" s="218">
        <v>11</v>
      </c>
      <c r="T25" s="220">
        <v>64</v>
      </c>
      <c r="U25" s="15">
        <v>113</v>
      </c>
      <c r="V25" s="246">
        <v>31</v>
      </c>
      <c r="W25" s="219">
        <v>144</v>
      </c>
    </row>
    <row r="26" spans="1:23" ht="19.95" customHeight="1" thickTop="1" thickBot="1" x14ac:dyDescent="0.25">
      <c r="A26" s="480"/>
      <c r="B26" s="271" t="s">
        <v>11</v>
      </c>
      <c r="C26" s="44">
        <v>2</v>
      </c>
      <c r="D26" s="224">
        <v>0</v>
      </c>
      <c r="E26" s="223">
        <v>2</v>
      </c>
      <c r="F26" s="44">
        <v>1</v>
      </c>
      <c r="G26" s="224">
        <v>0</v>
      </c>
      <c r="H26" s="223">
        <v>1</v>
      </c>
      <c r="I26" s="151">
        <v>1</v>
      </c>
      <c r="J26" s="224">
        <v>0</v>
      </c>
      <c r="K26" s="247">
        <v>1</v>
      </c>
      <c r="L26" s="10">
        <v>30</v>
      </c>
      <c r="M26" s="224">
        <v>4</v>
      </c>
      <c r="N26" s="225">
        <v>34</v>
      </c>
      <c r="O26" s="151">
        <v>18</v>
      </c>
      <c r="P26" s="224">
        <v>1</v>
      </c>
      <c r="Q26" s="225">
        <v>19</v>
      </c>
      <c r="R26" s="151">
        <v>12</v>
      </c>
      <c r="S26" s="224">
        <v>3</v>
      </c>
      <c r="T26" s="226">
        <v>15</v>
      </c>
      <c r="U26" s="41">
        <v>32</v>
      </c>
      <c r="V26" s="248">
        <v>4</v>
      </c>
      <c r="W26" s="247">
        <v>36</v>
      </c>
    </row>
    <row r="27" spans="1:23" ht="19.95" customHeight="1" thickTop="1" thickBot="1" x14ac:dyDescent="0.25">
      <c r="A27" s="481"/>
      <c r="B27" s="272" t="s">
        <v>36</v>
      </c>
      <c r="C27" s="45">
        <v>10</v>
      </c>
      <c r="D27" s="50">
        <v>3</v>
      </c>
      <c r="E27" s="51">
        <v>13</v>
      </c>
      <c r="F27" s="45">
        <v>4</v>
      </c>
      <c r="G27" s="50">
        <v>2</v>
      </c>
      <c r="H27" s="51">
        <v>6</v>
      </c>
      <c r="I27" s="52">
        <v>6</v>
      </c>
      <c r="J27" s="50">
        <v>1</v>
      </c>
      <c r="K27" s="53">
        <v>7</v>
      </c>
      <c r="L27" s="54">
        <v>135</v>
      </c>
      <c r="M27" s="50">
        <v>32</v>
      </c>
      <c r="N27" s="53">
        <v>167</v>
      </c>
      <c r="O27" s="52">
        <v>70</v>
      </c>
      <c r="P27" s="50">
        <v>18</v>
      </c>
      <c r="Q27" s="53">
        <v>88</v>
      </c>
      <c r="R27" s="52">
        <v>65</v>
      </c>
      <c r="S27" s="50">
        <v>14</v>
      </c>
      <c r="T27" s="55">
        <v>79</v>
      </c>
      <c r="U27" s="45">
        <v>145</v>
      </c>
      <c r="V27" s="56">
        <v>35</v>
      </c>
      <c r="W27" s="51">
        <v>180</v>
      </c>
    </row>
    <row r="28" spans="1:23" ht="19.95" customHeight="1" thickBot="1" x14ac:dyDescent="0.25">
      <c r="A28" s="491" t="s">
        <v>22</v>
      </c>
      <c r="B28" s="265" t="s">
        <v>8</v>
      </c>
      <c r="C28" s="236">
        <v>0</v>
      </c>
      <c r="D28" s="237">
        <v>0</v>
      </c>
      <c r="E28" s="240">
        <v>0</v>
      </c>
      <c r="F28" s="236">
        <v>0</v>
      </c>
      <c r="G28" s="237">
        <v>0</v>
      </c>
      <c r="H28" s="240">
        <v>0</v>
      </c>
      <c r="I28" s="236">
        <v>0</v>
      </c>
      <c r="J28" s="249">
        <v>0</v>
      </c>
      <c r="K28" s="250">
        <v>0</v>
      </c>
      <c r="L28" s="236">
        <v>0</v>
      </c>
      <c r="M28" s="237">
        <v>0</v>
      </c>
      <c r="N28" s="240">
        <v>0</v>
      </c>
      <c r="O28" s="236">
        <v>0</v>
      </c>
      <c r="P28" s="237">
        <v>0</v>
      </c>
      <c r="Q28" s="240">
        <v>0</v>
      </c>
      <c r="R28" s="236">
        <v>0</v>
      </c>
      <c r="S28" s="249">
        <v>0</v>
      </c>
      <c r="T28" s="251">
        <v>0</v>
      </c>
      <c r="U28" s="236">
        <v>0</v>
      </c>
      <c r="V28" s="249">
        <v>0</v>
      </c>
      <c r="W28" s="240">
        <v>0</v>
      </c>
    </row>
    <row r="29" spans="1:23" ht="19.95" customHeight="1" thickTop="1" thickBot="1" x14ac:dyDescent="0.25">
      <c r="A29" s="492"/>
      <c r="B29" s="262" t="s">
        <v>9</v>
      </c>
      <c r="C29" s="15">
        <v>0</v>
      </c>
      <c r="D29" s="218">
        <v>0</v>
      </c>
      <c r="E29" s="219">
        <v>0</v>
      </c>
      <c r="F29" s="15">
        <v>0</v>
      </c>
      <c r="G29" s="218">
        <v>0</v>
      </c>
      <c r="H29" s="219">
        <v>0</v>
      </c>
      <c r="I29" s="15">
        <v>0</v>
      </c>
      <c r="J29" s="218">
        <v>0</v>
      </c>
      <c r="K29" s="223">
        <v>0</v>
      </c>
      <c r="L29" s="31">
        <v>0</v>
      </c>
      <c r="M29" s="218">
        <v>0</v>
      </c>
      <c r="N29" s="219">
        <v>0</v>
      </c>
      <c r="O29" s="15">
        <v>0</v>
      </c>
      <c r="P29" s="218">
        <v>0</v>
      </c>
      <c r="Q29" s="219">
        <v>0</v>
      </c>
      <c r="R29" s="15">
        <v>0</v>
      </c>
      <c r="S29" s="218">
        <v>0</v>
      </c>
      <c r="T29" s="220">
        <v>0</v>
      </c>
      <c r="U29" s="15">
        <v>0</v>
      </c>
      <c r="V29" s="246">
        <v>0</v>
      </c>
      <c r="W29" s="219">
        <v>0</v>
      </c>
    </row>
    <row r="30" spans="1:23" ht="19.95" customHeight="1" thickTop="1" thickBot="1" x14ac:dyDescent="0.25">
      <c r="A30" s="492"/>
      <c r="B30" s="262" t="s">
        <v>10</v>
      </c>
      <c r="C30" s="15">
        <v>29</v>
      </c>
      <c r="D30" s="218">
        <v>7</v>
      </c>
      <c r="E30" s="219">
        <v>36</v>
      </c>
      <c r="F30" s="15">
        <v>23</v>
      </c>
      <c r="G30" s="218">
        <v>5</v>
      </c>
      <c r="H30" s="219">
        <v>28</v>
      </c>
      <c r="I30" s="15">
        <v>6</v>
      </c>
      <c r="J30" s="218">
        <v>2</v>
      </c>
      <c r="K30" s="223">
        <v>8</v>
      </c>
      <c r="L30" s="31">
        <v>212</v>
      </c>
      <c r="M30" s="218">
        <v>70</v>
      </c>
      <c r="N30" s="219">
        <v>282</v>
      </c>
      <c r="O30" s="15">
        <v>106</v>
      </c>
      <c r="P30" s="218">
        <v>37</v>
      </c>
      <c r="Q30" s="219">
        <v>143</v>
      </c>
      <c r="R30" s="15">
        <v>106</v>
      </c>
      <c r="S30" s="218">
        <v>33</v>
      </c>
      <c r="T30" s="220">
        <v>139</v>
      </c>
      <c r="U30" s="15">
        <v>241</v>
      </c>
      <c r="V30" s="246">
        <v>77</v>
      </c>
      <c r="W30" s="219">
        <v>318</v>
      </c>
    </row>
    <row r="31" spans="1:23" ht="19.95" customHeight="1" thickTop="1" thickBot="1" x14ac:dyDescent="0.25">
      <c r="A31" s="492"/>
      <c r="B31" s="263" t="s">
        <v>11</v>
      </c>
      <c r="C31" s="151">
        <v>4</v>
      </c>
      <c r="D31" s="224">
        <v>1</v>
      </c>
      <c r="E31" s="225">
        <v>5</v>
      </c>
      <c r="F31" s="151">
        <v>1</v>
      </c>
      <c r="G31" s="224">
        <v>0</v>
      </c>
      <c r="H31" s="225">
        <v>1</v>
      </c>
      <c r="I31" s="151">
        <v>3</v>
      </c>
      <c r="J31" s="224">
        <v>1</v>
      </c>
      <c r="K31" s="247">
        <v>4</v>
      </c>
      <c r="L31" s="132">
        <v>64</v>
      </c>
      <c r="M31" s="224">
        <v>18</v>
      </c>
      <c r="N31" s="225">
        <v>82</v>
      </c>
      <c r="O31" s="151">
        <v>36</v>
      </c>
      <c r="P31" s="224">
        <v>5</v>
      </c>
      <c r="Q31" s="225">
        <v>41</v>
      </c>
      <c r="R31" s="151">
        <v>28</v>
      </c>
      <c r="S31" s="224">
        <v>13</v>
      </c>
      <c r="T31" s="226">
        <v>41</v>
      </c>
      <c r="U31" s="151">
        <v>68</v>
      </c>
      <c r="V31" s="248">
        <v>19</v>
      </c>
      <c r="W31" s="225">
        <v>87</v>
      </c>
    </row>
    <row r="32" spans="1:23" ht="19.95" customHeight="1" thickTop="1" thickBot="1" x14ac:dyDescent="0.25">
      <c r="A32" s="493"/>
      <c r="B32" s="273" t="s">
        <v>36</v>
      </c>
      <c r="C32" s="46">
        <v>33</v>
      </c>
      <c r="D32" s="241">
        <v>8</v>
      </c>
      <c r="E32" s="43">
        <v>41</v>
      </c>
      <c r="F32" s="46">
        <v>24</v>
      </c>
      <c r="G32" s="241">
        <v>5</v>
      </c>
      <c r="H32" s="43">
        <v>29</v>
      </c>
      <c r="I32" s="46">
        <v>9</v>
      </c>
      <c r="J32" s="241">
        <v>3</v>
      </c>
      <c r="K32" s="43">
        <v>12</v>
      </c>
      <c r="L32" s="42">
        <v>276</v>
      </c>
      <c r="M32" s="241">
        <v>88</v>
      </c>
      <c r="N32" s="43">
        <v>364</v>
      </c>
      <c r="O32" s="46">
        <v>142</v>
      </c>
      <c r="P32" s="241">
        <v>42</v>
      </c>
      <c r="Q32" s="43">
        <v>184</v>
      </c>
      <c r="R32" s="46">
        <v>134</v>
      </c>
      <c r="S32" s="241">
        <v>46</v>
      </c>
      <c r="T32" s="242">
        <v>180</v>
      </c>
      <c r="U32" s="46">
        <v>309</v>
      </c>
      <c r="V32" s="47">
        <v>96</v>
      </c>
      <c r="W32" s="43">
        <v>405</v>
      </c>
    </row>
    <row r="33" spans="1:23" ht="19.95" customHeight="1" x14ac:dyDescent="0.2">
      <c r="A33" s="24"/>
      <c r="B33" s="267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48"/>
      <c r="W33" s="25"/>
    </row>
    <row r="34" spans="1:23" ht="19.95" customHeight="1" thickBot="1" x14ac:dyDescent="0.25">
      <c r="A34" s="7" t="s">
        <v>208</v>
      </c>
      <c r="B34" s="7"/>
    </row>
    <row r="35" spans="1:23" ht="19.95" customHeight="1" thickBot="1" x14ac:dyDescent="0.25">
      <c r="A35" s="451"/>
      <c r="B35" s="453" t="s">
        <v>1</v>
      </c>
      <c r="C35" s="473" t="s">
        <v>92</v>
      </c>
      <c r="D35" s="474"/>
      <c r="E35" s="474"/>
      <c r="F35" s="474"/>
      <c r="G35" s="474"/>
      <c r="H35" s="474"/>
      <c r="I35" s="474"/>
      <c r="J35" s="474"/>
      <c r="K35" s="475"/>
      <c r="L35" s="476" t="s">
        <v>93</v>
      </c>
      <c r="M35" s="477"/>
      <c r="N35" s="477"/>
      <c r="O35" s="477"/>
      <c r="P35" s="477"/>
      <c r="Q35" s="477"/>
      <c r="R35" s="477"/>
      <c r="S35" s="477"/>
      <c r="T35" s="477"/>
      <c r="U35" s="458" t="s">
        <v>94</v>
      </c>
      <c r="V35" s="459"/>
      <c r="W35" s="460"/>
    </row>
    <row r="36" spans="1:23" s="27" customFormat="1" ht="19.95" customHeight="1" thickBot="1" x14ac:dyDescent="0.25">
      <c r="A36" s="498"/>
      <c r="B36" s="500"/>
      <c r="C36" s="464" t="s">
        <v>30</v>
      </c>
      <c r="D36" s="465"/>
      <c r="E36" s="466"/>
      <c r="F36" s="464" t="s">
        <v>31</v>
      </c>
      <c r="G36" s="465"/>
      <c r="H36" s="466"/>
      <c r="I36" s="464" t="s">
        <v>32</v>
      </c>
      <c r="J36" s="465"/>
      <c r="K36" s="466"/>
      <c r="L36" s="467" t="s">
        <v>30</v>
      </c>
      <c r="M36" s="467"/>
      <c r="N36" s="468"/>
      <c r="O36" s="469" t="s">
        <v>31</v>
      </c>
      <c r="P36" s="467"/>
      <c r="Q36" s="468"/>
      <c r="R36" s="470" t="s">
        <v>32</v>
      </c>
      <c r="S36" s="471"/>
      <c r="T36" s="472"/>
      <c r="U36" s="461"/>
      <c r="V36" s="462"/>
      <c r="W36" s="463"/>
    </row>
    <row r="37" spans="1:23" ht="19.95" customHeight="1" thickBot="1" x14ac:dyDescent="0.25">
      <c r="A37" s="452"/>
      <c r="B37" s="454"/>
      <c r="C37" s="255" t="s">
        <v>33</v>
      </c>
      <c r="D37" s="256" t="s">
        <v>34</v>
      </c>
      <c r="E37" s="257" t="s">
        <v>35</v>
      </c>
      <c r="F37" s="255" t="s">
        <v>33</v>
      </c>
      <c r="G37" s="256" t="s">
        <v>34</v>
      </c>
      <c r="H37" s="257" t="s">
        <v>35</v>
      </c>
      <c r="I37" s="255" t="s">
        <v>33</v>
      </c>
      <c r="J37" s="256" t="s">
        <v>34</v>
      </c>
      <c r="K37" s="257" t="s">
        <v>35</v>
      </c>
      <c r="L37" s="260" t="s">
        <v>33</v>
      </c>
      <c r="M37" s="256" t="s">
        <v>34</v>
      </c>
      <c r="N37" s="257" t="s">
        <v>35</v>
      </c>
      <c r="O37" s="255" t="s">
        <v>33</v>
      </c>
      <c r="P37" s="256" t="s">
        <v>34</v>
      </c>
      <c r="Q37" s="257" t="s">
        <v>35</v>
      </c>
      <c r="R37" s="260" t="s">
        <v>33</v>
      </c>
      <c r="S37" s="256" t="s">
        <v>34</v>
      </c>
      <c r="T37" s="268" t="s">
        <v>35</v>
      </c>
      <c r="U37" s="255" t="s">
        <v>33</v>
      </c>
      <c r="V37" s="256" t="s">
        <v>34</v>
      </c>
      <c r="W37" s="211" t="s">
        <v>35</v>
      </c>
    </row>
    <row r="38" spans="1:23" ht="19.95" customHeight="1" thickTop="1" x14ac:dyDescent="0.2">
      <c r="A38" s="497" t="s">
        <v>214</v>
      </c>
      <c r="B38" s="34" t="s">
        <v>12</v>
      </c>
      <c r="C38" s="13">
        <v>1</v>
      </c>
      <c r="D38" s="212">
        <v>0</v>
      </c>
      <c r="E38" s="213">
        <v>1</v>
      </c>
      <c r="F38" s="13">
        <v>0</v>
      </c>
      <c r="G38" s="212">
        <v>0</v>
      </c>
      <c r="H38" s="213">
        <v>0</v>
      </c>
      <c r="I38" s="13">
        <v>1</v>
      </c>
      <c r="J38" s="214">
        <v>0</v>
      </c>
      <c r="K38" s="245">
        <v>1</v>
      </c>
      <c r="L38" s="10">
        <v>63</v>
      </c>
      <c r="M38" s="212">
        <v>16</v>
      </c>
      <c r="N38" s="213">
        <v>79</v>
      </c>
      <c r="O38" s="13">
        <v>36</v>
      </c>
      <c r="P38" s="212">
        <v>8</v>
      </c>
      <c r="Q38" s="213">
        <v>44</v>
      </c>
      <c r="R38" s="13">
        <v>27</v>
      </c>
      <c r="S38" s="214">
        <v>8</v>
      </c>
      <c r="T38" s="215">
        <v>35</v>
      </c>
      <c r="U38" s="13">
        <v>64</v>
      </c>
      <c r="V38" s="214">
        <v>16</v>
      </c>
      <c r="W38" s="213">
        <v>80</v>
      </c>
    </row>
    <row r="39" spans="1:23" ht="19.95" customHeight="1" x14ac:dyDescent="0.2">
      <c r="A39" s="498"/>
      <c r="B39" s="34" t="s">
        <v>13</v>
      </c>
      <c r="C39" s="13">
        <v>1</v>
      </c>
      <c r="D39" s="212">
        <v>0</v>
      </c>
      <c r="E39" s="213">
        <v>1</v>
      </c>
      <c r="F39" s="13">
        <v>1</v>
      </c>
      <c r="G39" s="212">
        <v>0</v>
      </c>
      <c r="H39" s="213">
        <v>1</v>
      </c>
      <c r="I39" s="13">
        <v>0</v>
      </c>
      <c r="J39" s="214">
        <v>0</v>
      </c>
      <c r="K39" s="245">
        <v>0</v>
      </c>
      <c r="L39" s="10">
        <v>10</v>
      </c>
      <c r="M39" s="212">
        <v>2</v>
      </c>
      <c r="N39" s="213">
        <v>12</v>
      </c>
      <c r="O39" s="13">
        <v>6</v>
      </c>
      <c r="P39" s="212">
        <v>1</v>
      </c>
      <c r="Q39" s="213">
        <v>7</v>
      </c>
      <c r="R39" s="13">
        <v>4</v>
      </c>
      <c r="S39" s="214">
        <v>1</v>
      </c>
      <c r="T39" s="215">
        <v>5</v>
      </c>
      <c r="U39" s="13">
        <v>11</v>
      </c>
      <c r="V39" s="214">
        <v>2</v>
      </c>
      <c r="W39" s="213">
        <v>13</v>
      </c>
    </row>
    <row r="40" spans="1:23" ht="19.95" customHeight="1" x14ac:dyDescent="0.2">
      <c r="A40" s="498"/>
      <c r="B40" s="35" t="s">
        <v>14</v>
      </c>
      <c r="C40" s="15">
        <v>0</v>
      </c>
      <c r="D40" s="218">
        <v>0</v>
      </c>
      <c r="E40" s="219">
        <v>0</v>
      </c>
      <c r="F40" s="15">
        <v>0</v>
      </c>
      <c r="G40" s="218">
        <v>0</v>
      </c>
      <c r="H40" s="219">
        <v>0</v>
      </c>
      <c r="I40" s="15">
        <v>0</v>
      </c>
      <c r="J40" s="218">
        <v>0</v>
      </c>
      <c r="K40" s="223">
        <v>0</v>
      </c>
      <c r="L40" s="31">
        <v>16</v>
      </c>
      <c r="M40" s="218">
        <v>3</v>
      </c>
      <c r="N40" s="219">
        <v>19</v>
      </c>
      <c r="O40" s="15">
        <v>7</v>
      </c>
      <c r="P40" s="218">
        <v>0</v>
      </c>
      <c r="Q40" s="219">
        <v>7</v>
      </c>
      <c r="R40" s="15">
        <v>9</v>
      </c>
      <c r="S40" s="218">
        <v>3</v>
      </c>
      <c r="T40" s="220">
        <v>12</v>
      </c>
      <c r="U40" s="15">
        <v>16</v>
      </c>
      <c r="V40" s="246">
        <v>3</v>
      </c>
      <c r="W40" s="219">
        <v>19</v>
      </c>
    </row>
    <row r="41" spans="1:23" ht="19.95" customHeight="1" x14ac:dyDescent="0.2">
      <c r="A41" s="498"/>
      <c r="B41" s="35" t="s">
        <v>15</v>
      </c>
      <c r="C41" s="15">
        <v>0</v>
      </c>
      <c r="D41" s="218">
        <v>0</v>
      </c>
      <c r="E41" s="219">
        <v>0</v>
      </c>
      <c r="F41" s="15">
        <v>0</v>
      </c>
      <c r="G41" s="218">
        <v>0</v>
      </c>
      <c r="H41" s="219">
        <v>0</v>
      </c>
      <c r="I41" s="15">
        <v>0</v>
      </c>
      <c r="J41" s="218">
        <v>0</v>
      </c>
      <c r="K41" s="223">
        <v>0</v>
      </c>
      <c r="L41" s="31">
        <v>17</v>
      </c>
      <c r="M41" s="218">
        <v>3</v>
      </c>
      <c r="N41" s="219">
        <v>20</v>
      </c>
      <c r="O41" s="15">
        <v>7</v>
      </c>
      <c r="P41" s="218">
        <v>1</v>
      </c>
      <c r="Q41" s="219">
        <v>8</v>
      </c>
      <c r="R41" s="15">
        <v>10</v>
      </c>
      <c r="S41" s="218">
        <v>2</v>
      </c>
      <c r="T41" s="220">
        <v>12</v>
      </c>
      <c r="U41" s="15">
        <v>17</v>
      </c>
      <c r="V41" s="246">
        <v>3</v>
      </c>
      <c r="W41" s="219">
        <v>20</v>
      </c>
    </row>
    <row r="42" spans="1:23" ht="19.95" customHeight="1" x14ac:dyDescent="0.2">
      <c r="A42" s="498"/>
      <c r="B42" s="35" t="s">
        <v>16</v>
      </c>
      <c r="C42" s="15">
        <v>1</v>
      </c>
      <c r="D42" s="218">
        <v>0</v>
      </c>
      <c r="E42" s="219">
        <v>1</v>
      </c>
      <c r="F42" s="15">
        <v>1</v>
      </c>
      <c r="G42" s="218">
        <v>0</v>
      </c>
      <c r="H42" s="219">
        <v>1</v>
      </c>
      <c r="I42" s="15">
        <v>0</v>
      </c>
      <c r="J42" s="218">
        <v>0</v>
      </c>
      <c r="K42" s="223">
        <v>0</v>
      </c>
      <c r="L42" s="31">
        <v>6</v>
      </c>
      <c r="M42" s="218">
        <v>0</v>
      </c>
      <c r="N42" s="219">
        <v>6</v>
      </c>
      <c r="O42" s="15">
        <v>5</v>
      </c>
      <c r="P42" s="218">
        <v>0</v>
      </c>
      <c r="Q42" s="219">
        <v>5</v>
      </c>
      <c r="R42" s="15">
        <v>1</v>
      </c>
      <c r="S42" s="218">
        <v>0</v>
      </c>
      <c r="T42" s="220">
        <v>1</v>
      </c>
      <c r="U42" s="15">
        <v>7</v>
      </c>
      <c r="V42" s="246">
        <v>0</v>
      </c>
      <c r="W42" s="219">
        <v>7</v>
      </c>
    </row>
    <row r="43" spans="1:23" ht="19.95" customHeight="1" x14ac:dyDescent="0.2">
      <c r="A43" s="498"/>
      <c r="B43" s="35" t="s">
        <v>17</v>
      </c>
      <c r="C43" s="15">
        <v>5</v>
      </c>
      <c r="D43" s="218">
        <v>3</v>
      </c>
      <c r="E43" s="219">
        <v>8</v>
      </c>
      <c r="F43" s="15">
        <v>1</v>
      </c>
      <c r="G43" s="218">
        <v>2</v>
      </c>
      <c r="H43" s="219">
        <v>3</v>
      </c>
      <c r="I43" s="15">
        <v>4</v>
      </c>
      <c r="J43" s="218">
        <v>1</v>
      </c>
      <c r="K43" s="223">
        <v>5</v>
      </c>
      <c r="L43" s="31">
        <v>12</v>
      </c>
      <c r="M43" s="218">
        <v>1</v>
      </c>
      <c r="N43" s="219">
        <v>13</v>
      </c>
      <c r="O43" s="15">
        <v>5</v>
      </c>
      <c r="P43" s="218">
        <v>1</v>
      </c>
      <c r="Q43" s="219">
        <v>6</v>
      </c>
      <c r="R43" s="15">
        <v>7</v>
      </c>
      <c r="S43" s="218">
        <v>0</v>
      </c>
      <c r="T43" s="220">
        <v>7</v>
      </c>
      <c r="U43" s="15">
        <v>17</v>
      </c>
      <c r="V43" s="246">
        <v>4</v>
      </c>
      <c r="W43" s="219">
        <v>21</v>
      </c>
    </row>
    <row r="44" spans="1:23" ht="19.95" customHeight="1" x14ac:dyDescent="0.2">
      <c r="A44" s="498"/>
      <c r="B44" s="35" t="s">
        <v>18</v>
      </c>
      <c r="C44" s="15">
        <v>1</v>
      </c>
      <c r="D44" s="218">
        <v>0</v>
      </c>
      <c r="E44" s="219">
        <v>1</v>
      </c>
      <c r="F44" s="15">
        <v>1</v>
      </c>
      <c r="G44" s="218">
        <v>0</v>
      </c>
      <c r="H44" s="219">
        <v>1</v>
      </c>
      <c r="I44" s="15">
        <v>0</v>
      </c>
      <c r="J44" s="218">
        <v>0</v>
      </c>
      <c r="K44" s="223">
        <v>0</v>
      </c>
      <c r="L44" s="31">
        <v>9</v>
      </c>
      <c r="M44" s="218">
        <v>7</v>
      </c>
      <c r="N44" s="219">
        <v>16</v>
      </c>
      <c r="O44" s="15">
        <v>3</v>
      </c>
      <c r="P44" s="218">
        <v>7</v>
      </c>
      <c r="Q44" s="219">
        <v>10</v>
      </c>
      <c r="R44" s="15">
        <v>6</v>
      </c>
      <c r="S44" s="218">
        <v>0</v>
      </c>
      <c r="T44" s="220">
        <v>6</v>
      </c>
      <c r="U44" s="15">
        <v>10</v>
      </c>
      <c r="V44" s="246">
        <v>7</v>
      </c>
      <c r="W44" s="219">
        <v>17</v>
      </c>
    </row>
    <row r="45" spans="1:23" ht="19.95" customHeight="1" thickBot="1" x14ac:dyDescent="0.25">
      <c r="A45" s="498"/>
      <c r="B45" s="36" t="s">
        <v>19</v>
      </c>
      <c r="C45" s="44">
        <v>1</v>
      </c>
      <c r="D45" s="224">
        <v>0</v>
      </c>
      <c r="E45" s="223">
        <v>1</v>
      </c>
      <c r="F45" s="44">
        <v>0</v>
      </c>
      <c r="G45" s="224">
        <v>0</v>
      </c>
      <c r="H45" s="223">
        <v>0</v>
      </c>
      <c r="I45" s="151">
        <v>1</v>
      </c>
      <c r="J45" s="224">
        <v>0</v>
      </c>
      <c r="K45" s="247">
        <v>1</v>
      </c>
      <c r="L45" s="132">
        <v>2</v>
      </c>
      <c r="M45" s="224">
        <v>0</v>
      </c>
      <c r="N45" s="225">
        <v>2</v>
      </c>
      <c r="O45" s="151">
        <v>1</v>
      </c>
      <c r="P45" s="224">
        <v>0</v>
      </c>
      <c r="Q45" s="225">
        <v>1</v>
      </c>
      <c r="R45" s="151">
        <v>1</v>
      </c>
      <c r="S45" s="224">
        <v>0</v>
      </c>
      <c r="T45" s="226">
        <v>1</v>
      </c>
      <c r="U45" s="44">
        <v>3</v>
      </c>
      <c r="V45" s="248">
        <v>0</v>
      </c>
      <c r="W45" s="247">
        <v>3</v>
      </c>
    </row>
    <row r="46" spans="1:23" ht="19.95" customHeight="1" thickTop="1" thickBot="1" x14ac:dyDescent="0.25">
      <c r="A46" s="499"/>
      <c r="B46" s="37" t="s">
        <v>20</v>
      </c>
      <c r="C46" s="45">
        <v>10</v>
      </c>
      <c r="D46" s="50">
        <v>3</v>
      </c>
      <c r="E46" s="51">
        <v>13</v>
      </c>
      <c r="F46" s="46">
        <v>4</v>
      </c>
      <c r="G46" s="241">
        <v>2</v>
      </c>
      <c r="H46" s="51">
        <v>6</v>
      </c>
      <c r="I46" s="46">
        <v>6</v>
      </c>
      <c r="J46" s="241">
        <v>1</v>
      </c>
      <c r="K46" s="53">
        <v>7</v>
      </c>
      <c r="L46" s="54">
        <v>135</v>
      </c>
      <c r="M46" s="50">
        <v>32</v>
      </c>
      <c r="N46" s="53">
        <v>167</v>
      </c>
      <c r="O46" s="46">
        <v>70</v>
      </c>
      <c r="P46" s="241">
        <v>18</v>
      </c>
      <c r="Q46" s="53">
        <v>88</v>
      </c>
      <c r="R46" s="46">
        <v>65</v>
      </c>
      <c r="S46" s="241">
        <v>14</v>
      </c>
      <c r="T46" s="55">
        <v>79</v>
      </c>
      <c r="U46" s="46">
        <v>145</v>
      </c>
      <c r="V46" s="241">
        <v>35</v>
      </c>
      <c r="W46" s="51">
        <v>180</v>
      </c>
    </row>
    <row r="47" spans="1:23" ht="19.95" customHeight="1" thickBot="1" x14ac:dyDescent="0.25">
      <c r="A47" s="450" t="s">
        <v>22</v>
      </c>
      <c r="B47" s="9" t="s">
        <v>12</v>
      </c>
      <c r="C47" s="236">
        <v>8</v>
      </c>
      <c r="D47" s="237">
        <v>0</v>
      </c>
      <c r="E47" s="240">
        <v>8</v>
      </c>
      <c r="F47" s="236">
        <v>3</v>
      </c>
      <c r="G47" s="237">
        <v>0</v>
      </c>
      <c r="H47" s="240">
        <v>3</v>
      </c>
      <c r="I47" s="236">
        <v>5</v>
      </c>
      <c r="J47" s="249">
        <v>0</v>
      </c>
      <c r="K47" s="250">
        <v>5</v>
      </c>
      <c r="L47" s="33">
        <v>118</v>
      </c>
      <c r="M47" s="237">
        <v>19</v>
      </c>
      <c r="N47" s="240">
        <v>137</v>
      </c>
      <c r="O47" s="236">
        <v>57</v>
      </c>
      <c r="P47" s="237">
        <v>11</v>
      </c>
      <c r="Q47" s="240">
        <v>68</v>
      </c>
      <c r="R47" s="236">
        <v>61</v>
      </c>
      <c r="S47" s="249">
        <v>8</v>
      </c>
      <c r="T47" s="251">
        <v>69</v>
      </c>
      <c r="U47" s="236">
        <v>126</v>
      </c>
      <c r="V47" s="249">
        <v>19</v>
      </c>
      <c r="W47" s="240">
        <v>145</v>
      </c>
    </row>
    <row r="48" spans="1:23" ht="19.95" customHeight="1" thickBot="1" x14ac:dyDescent="0.25">
      <c r="A48" s="450"/>
      <c r="B48" s="14" t="s">
        <v>13</v>
      </c>
      <c r="C48" s="15">
        <v>6</v>
      </c>
      <c r="D48" s="218">
        <v>2</v>
      </c>
      <c r="E48" s="219">
        <v>8</v>
      </c>
      <c r="F48" s="15">
        <v>6</v>
      </c>
      <c r="G48" s="218">
        <v>2</v>
      </c>
      <c r="H48" s="219">
        <v>8</v>
      </c>
      <c r="I48" s="15">
        <v>0</v>
      </c>
      <c r="J48" s="218">
        <v>0</v>
      </c>
      <c r="K48" s="223">
        <v>0</v>
      </c>
      <c r="L48" s="31">
        <v>26</v>
      </c>
      <c r="M48" s="218">
        <v>16</v>
      </c>
      <c r="N48" s="219">
        <v>42</v>
      </c>
      <c r="O48" s="15">
        <v>13</v>
      </c>
      <c r="P48" s="218">
        <v>7</v>
      </c>
      <c r="Q48" s="219">
        <v>20</v>
      </c>
      <c r="R48" s="15">
        <v>13</v>
      </c>
      <c r="S48" s="218">
        <v>9</v>
      </c>
      <c r="T48" s="220">
        <v>22</v>
      </c>
      <c r="U48" s="15">
        <v>32</v>
      </c>
      <c r="V48" s="246">
        <v>18</v>
      </c>
      <c r="W48" s="219">
        <v>50</v>
      </c>
    </row>
    <row r="49" spans="1:23" ht="19.95" customHeight="1" thickBot="1" x14ac:dyDescent="0.25">
      <c r="A49" s="450"/>
      <c r="B49" s="14" t="s">
        <v>14</v>
      </c>
      <c r="C49" s="15">
        <v>1</v>
      </c>
      <c r="D49" s="218">
        <v>0</v>
      </c>
      <c r="E49" s="219">
        <v>1</v>
      </c>
      <c r="F49" s="15">
        <v>1</v>
      </c>
      <c r="G49" s="218">
        <v>0</v>
      </c>
      <c r="H49" s="219">
        <v>1</v>
      </c>
      <c r="I49" s="15">
        <v>0</v>
      </c>
      <c r="J49" s="218">
        <v>0</v>
      </c>
      <c r="K49" s="223">
        <v>0</v>
      </c>
      <c r="L49" s="31">
        <v>27</v>
      </c>
      <c r="M49" s="218">
        <v>10</v>
      </c>
      <c r="N49" s="219">
        <v>37</v>
      </c>
      <c r="O49" s="15">
        <v>13</v>
      </c>
      <c r="P49" s="218">
        <v>3</v>
      </c>
      <c r="Q49" s="219">
        <v>16</v>
      </c>
      <c r="R49" s="15">
        <v>14</v>
      </c>
      <c r="S49" s="218">
        <v>7</v>
      </c>
      <c r="T49" s="220">
        <v>21</v>
      </c>
      <c r="U49" s="15">
        <v>28</v>
      </c>
      <c r="V49" s="246">
        <v>10</v>
      </c>
      <c r="W49" s="219">
        <v>38</v>
      </c>
    </row>
    <row r="50" spans="1:23" ht="19.95" customHeight="1" thickBot="1" x14ac:dyDescent="0.25">
      <c r="A50" s="450"/>
      <c r="B50" s="14" t="s">
        <v>15</v>
      </c>
      <c r="C50" s="15">
        <v>8</v>
      </c>
      <c r="D50" s="218">
        <v>5</v>
      </c>
      <c r="E50" s="219">
        <v>13</v>
      </c>
      <c r="F50" s="15">
        <v>7</v>
      </c>
      <c r="G50" s="218">
        <v>2</v>
      </c>
      <c r="H50" s="219">
        <v>9</v>
      </c>
      <c r="I50" s="15">
        <v>1</v>
      </c>
      <c r="J50" s="218">
        <v>3</v>
      </c>
      <c r="K50" s="223">
        <v>4</v>
      </c>
      <c r="L50" s="31">
        <v>27</v>
      </c>
      <c r="M50" s="218">
        <v>8</v>
      </c>
      <c r="N50" s="219">
        <v>35</v>
      </c>
      <c r="O50" s="15">
        <v>19</v>
      </c>
      <c r="P50" s="218">
        <v>5</v>
      </c>
      <c r="Q50" s="219">
        <v>24</v>
      </c>
      <c r="R50" s="15">
        <v>8</v>
      </c>
      <c r="S50" s="218">
        <v>3</v>
      </c>
      <c r="T50" s="220">
        <v>11</v>
      </c>
      <c r="U50" s="15">
        <v>35</v>
      </c>
      <c r="V50" s="246">
        <v>13</v>
      </c>
      <c r="W50" s="219">
        <v>48</v>
      </c>
    </row>
    <row r="51" spans="1:23" ht="19.95" customHeight="1" thickBot="1" x14ac:dyDescent="0.25">
      <c r="A51" s="450"/>
      <c r="B51" s="14" t="s">
        <v>16</v>
      </c>
      <c r="C51" s="15">
        <v>1</v>
      </c>
      <c r="D51" s="218">
        <v>0</v>
      </c>
      <c r="E51" s="219">
        <v>1</v>
      </c>
      <c r="F51" s="15">
        <v>1</v>
      </c>
      <c r="G51" s="218">
        <v>0</v>
      </c>
      <c r="H51" s="219">
        <v>1</v>
      </c>
      <c r="I51" s="15">
        <v>0</v>
      </c>
      <c r="J51" s="218">
        <v>0</v>
      </c>
      <c r="K51" s="223">
        <v>0</v>
      </c>
      <c r="L51" s="31">
        <v>15</v>
      </c>
      <c r="M51" s="218">
        <v>11</v>
      </c>
      <c r="N51" s="219">
        <v>26</v>
      </c>
      <c r="O51" s="15">
        <v>8</v>
      </c>
      <c r="P51" s="218">
        <v>3</v>
      </c>
      <c r="Q51" s="219">
        <v>11</v>
      </c>
      <c r="R51" s="15">
        <v>7</v>
      </c>
      <c r="S51" s="218">
        <v>8</v>
      </c>
      <c r="T51" s="220">
        <v>15</v>
      </c>
      <c r="U51" s="15">
        <v>16</v>
      </c>
      <c r="V51" s="246">
        <v>11</v>
      </c>
      <c r="W51" s="219">
        <v>27</v>
      </c>
    </row>
    <row r="52" spans="1:23" ht="19.95" customHeight="1" thickBot="1" x14ac:dyDescent="0.25">
      <c r="A52" s="450"/>
      <c r="B52" s="14" t="s">
        <v>17</v>
      </c>
      <c r="C52" s="15">
        <v>3</v>
      </c>
      <c r="D52" s="218">
        <v>0</v>
      </c>
      <c r="E52" s="219">
        <v>3</v>
      </c>
      <c r="F52" s="15">
        <v>2</v>
      </c>
      <c r="G52" s="218">
        <v>0</v>
      </c>
      <c r="H52" s="219">
        <v>2</v>
      </c>
      <c r="I52" s="15">
        <v>1</v>
      </c>
      <c r="J52" s="218">
        <v>0</v>
      </c>
      <c r="K52" s="223">
        <v>1</v>
      </c>
      <c r="L52" s="31">
        <v>29</v>
      </c>
      <c r="M52" s="218">
        <v>1</v>
      </c>
      <c r="N52" s="219">
        <v>30</v>
      </c>
      <c r="O52" s="15">
        <v>15</v>
      </c>
      <c r="P52" s="218">
        <v>1</v>
      </c>
      <c r="Q52" s="219">
        <v>16</v>
      </c>
      <c r="R52" s="15">
        <v>14</v>
      </c>
      <c r="S52" s="218">
        <v>0</v>
      </c>
      <c r="T52" s="220">
        <v>14</v>
      </c>
      <c r="U52" s="15">
        <v>32</v>
      </c>
      <c r="V52" s="246">
        <v>1</v>
      </c>
      <c r="W52" s="219">
        <v>33</v>
      </c>
    </row>
    <row r="53" spans="1:23" ht="19.95" customHeight="1" thickBot="1" x14ac:dyDescent="0.25">
      <c r="A53" s="450"/>
      <c r="B53" s="14" t="s">
        <v>18</v>
      </c>
      <c r="C53" s="15">
        <v>3</v>
      </c>
      <c r="D53" s="218">
        <v>1</v>
      </c>
      <c r="E53" s="219">
        <v>4</v>
      </c>
      <c r="F53" s="15">
        <v>1</v>
      </c>
      <c r="G53" s="218">
        <v>1</v>
      </c>
      <c r="H53" s="219">
        <v>2</v>
      </c>
      <c r="I53" s="15">
        <v>2</v>
      </c>
      <c r="J53" s="218">
        <v>0</v>
      </c>
      <c r="K53" s="223">
        <v>2</v>
      </c>
      <c r="L53" s="31">
        <v>22</v>
      </c>
      <c r="M53" s="218">
        <v>20</v>
      </c>
      <c r="N53" s="219">
        <v>42</v>
      </c>
      <c r="O53" s="15">
        <v>13</v>
      </c>
      <c r="P53" s="218">
        <v>11</v>
      </c>
      <c r="Q53" s="219">
        <v>24</v>
      </c>
      <c r="R53" s="15">
        <v>9</v>
      </c>
      <c r="S53" s="218">
        <v>9</v>
      </c>
      <c r="T53" s="220">
        <v>18</v>
      </c>
      <c r="U53" s="15">
        <v>25</v>
      </c>
      <c r="V53" s="246">
        <v>21</v>
      </c>
      <c r="W53" s="219">
        <v>46</v>
      </c>
    </row>
    <row r="54" spans="1:23" ht="19.95" customHeight="1" thickBot="1" x14ac:dyDescent="0.25">
      <c r="A54" s="450"/>
      <c r="B54" s="16" t="s">
        <v>19</v>
      </c>
      <c r="C54" s="151">
        <v>3</v>
      </c>
      <c r="D54" s="224">
        <v>0</v>
      </c>
      <c r="E54" s="225">
        <v>3</v>
      </c>
      <c r="F54" s="151">
        <v>3</v>
      </c>
      <c r="G54" s="224">
        <v>0</v>
      </c>
      <c r="H54" s="225">
        <v>3</v>
      </c>
      <c r="I54" s="151">
        <v>0</v>
      </c>
      <c r="J54" s="224">
        <v>0</v>
      </c>
      <c r="K54" s="247">
        <v>0</v>
      </c>
      <c r="L54" s="132">
        <v>12</v>
      </c>
      <c r="M54" s="224">
        <v>3</v>
      </c>
      <c r="N54" s="225">
        <v>15</v>
      </c>
      <c r="O54" s="151">
        <v>4</v>
      </c>
      <c r="P54" s="224">
        <v>1</v>
      </c>
      <c r="Q54" s="225">
        <v>5</v>
      </c>
      <c r="R54" s="151">
        <v>8</v>
      </c>
      <c r="S54" s="224">
        <v>2</v>
      </c>
      <c r="T54" s="226">
        <v>10</v>
      </c>
      <c r="U54" s="151">
        <v>15</v>
      </c>
      <c r="V54" s="248">
        <v>3</v>
      </c>
      <c r="W54" s="225">
        <v>18</v>
      </c>
    </row>
    <row r="55" spans="1:23" ht="19.95" customHeight="1" thickBot="1" x14ac:dyDescent="0.25">
      <c r="A55" s="450"/>
      <c r="B55" s="18" t="s">
        <v>20</v>
      </c>
      <c r="C55" s="46">
        <v>33</v>
      </c>
      <c r="D55" s="241">
        <v>8</v>
      </c>
      <c r="E55" s="43">
        <v>41</v>
      </c>
      <c r="F55" s="46">
        <v>24</v>
      </c>
      <c r="G55" s="241">
        <v>5</v>
      </c>
      <c r="H55" s="43">
        <v>29</v>
      </c>
      <c r="I55" s="46">
        <v>9</v>
      </c>
      <c r="J55" s="241">
        <v>3</v>
      </c>
      <c r="K55" s="43">
        <v>12</v>
      </c>
      <c r="L55" s="42">
        <v>276</v>
      </c>
      <c r="M55" s="241">
        <v>88</v>
      </c>
      <c r="N55" s="43">
        <v>364</v>
      </c>
      <c r="O55" s="46">
        <v>142</v>
      </c>
      <c r="P55" s="241">
        <v>42</v>
      </c>
      <c r="Q55" s="43">
        <v>184</v>
      </c>
      <c r="R55" s="46">
        <v>134</v>
      </c>
      <c r="S55" s="241">
        <v>46</v>
      </c>
      <c r="T55" s="242">
        <v>180</v>
      </c>
      <c r="U55" s="46">
        <v>309</v>
      </c>
      <c r="V55" s="47">
        <v>96</v>
      </c>
      <c r="W55" s="43">
        <v>405</v>
      </c>
    </row>
    <row r="56" spans="1:23" ht="19.95" customHeight="1" x14ac:dyDescent="0.2">
      <c r="A56" s="24"/>
      <c r="B56" s="24"/>
      <c r="C56" s="25"/>
      <c r="D56" s="25"/>
      <c r="E56" s="25"/>
      <c r="F56" s="25"/>
      <c r="G56" s="25"/>
      <c r="H56" s="25"/>
      <c r="I56" s="25"/>
      <c r="J56" s="25"/>
      <c r="K56" s="25"/>
      <c r="L56" s="25"/>
      <c r="M56" s="25"/>
      <c r="N56" s="25"/>
      <c r="O56" s="25"/>
      <c r="P56" s="25"/>
      <c r="Q56" s="25"/>
      <c r="R56" s="25"/>
      <c r="S56" s="25"/>
      <c r="T56" s="25"/>
      <c r="U56" s="25"/>
      <c r="V56" s="48"/>
      <c r="W56" s="25"/>
    </row>
    <row r="57" spans="1:23" ht="19.95" customHeight="1" thickBot="1" x14ac:dyDescent="0.25">
      <c r="A57" s="1" t="s">
        <v>209</v>
      </c>
    </row>
    <row r="58" spans="1:23" ht="32.4" customHeight="1" thickBot="1" x14ac:dyDescent="0.25">
      <c r="A58" s="441"/>
      <c r="B58" s="496"/>
      <c r="C58" s="64" t="s">
        <v>97</v>
      </c>
      <c r="D58" s="49" t="s">
        <v>38</v>
      </c>
      <c r="E58" s="49" t="s">
        <v>98</v>
      </c>
      <c r="F58" s="49" t="s">
        <v>99</v>
      </c>
      <c r="G58" s="49" t="s">
        <v>49</v>
      </c>
      <c r="H58" s="49" t="s">
        <v>2</v>
      </c>
      <c r="I58" s="65" t="s">
        <v>54</v>
      </c>
    </row>
    <row r="59" spans="1:23" ht="19.95" customHeight="1" thickTop="1" x14ac:dyDescent="0.2">
      <c r="A59" s="488" t="s">
        <v>21</v>
      </c>
      <c r="B59" s="59" t="s">
        <v>0</v>
      </c>
      <c r="C59" s="252">
        <v>62</v>
      </c>
      <c r="D59" s="253">
        <v>14</v>
      </c>
      <c r="E59" s="253">
        <v>8</v>
      </c>
      <c r="F59" s="253">
        <v>12</v>
      </c>
      <c r="G59" s="253">
        <v>80</v>
      </c>
      <c r="H59" s="253">
        <v>5</v>
      </c>
      <c r="I59" s="60">
        <v>181</v>
      </c>
    </row>
    <row r="60" spans="1:23" ht="19.95" customHeight="1" thickBot="1" x14ac:dyDescent="0.25">
      <c r="A60" s="489"/>
      <c r="B60" s="57" t="s">
        <v>74</v>
      </c>
      <c r="C60" s="61">
        <v>0.34254143646408841</v>
      </c>
      <c r="D60" s="61">
        <v>7.7348066298342538E-2</v>
      </c>
      <c r="E60" s="62">
        <v>4.4198895027624308E-2</v>
      </c>
      <c r="F60" s="62">
        <v>6.6298342541436461E-2</v>
      </c>
      <c r="G60" s="62">
        <v>0.44198895027624308</v>
      </c>
      <c r="H60" s="62">
        <v>2.7624309392265192E-2</v>
      </c>
      <c r="I60" s="63">
        <v>1</v>
      </c>
    </row>
    <row r="61" spans="1:23" ht="19.95" customHeight="1" x14ac:dyDescent="0.2">
      <c r="A61" s="488" t="s">
        <v>22</v>
      </c>
      <c r="B61" s="58" t="s">
        <v>0</v>
      </c>
      <c r="C61" s="254">
        <v>110</v>
      </c>
      <c r="D61" s="253">
        <v>61</v>
      </c>
      <c r="E61" s="253">
        <v>21</v>
      </c>
      <c r="F61" s="253">
        <v>12</v>
      </c>
      <c r="G61" s="253">
        <v>148</v>
      </c>
      <c r="H61" s="253">
        <v>53</v>
      </c>
      <c r="I61" s="60">
        <v>405</v>
      </c>
    </row>
    <row r="62" spans="1:23" ht="19.95" customHeight="1" thickBot="1" x14ac:dyDescent="0.25">
      <c r="A62" s="489"/>
      <c r="B62" s="57" t="s">
        <v>74</v>
      </c>
      <c r="C62" s="62">
        <v>0.27160493827160492</v>
      </c>
      <c r="D62" s="62">
        <v>0.1506172839506173</v>
      </c>
      <c r="E62" s="62">
        <v>5.185185185185185E-2</v>
      </c>
      <c r="F62" s="62">
        <v>2.9629629629629631E-2</v>
      </c>
      <c r="G62" s="62">
        <v>0.36543209876543209</v>
      </c>
      <c r="H62" s="62">
        <v>0.1308641975308642</v>
      </c>
      <c r="I62" s="63">
        <v>1</v>
      </c>
    </row>
  </sheetData>
  <mergeCells count="42">
    <mergeCell ref="A4:A6"/>
    <mergeCell ref="B4:B6"/>
    <mergeCell ref="A7:A11"/>
    <mergeCell ref="A59:A60"/>
    <mergeCell ref="A61:A62"/>
    <mergeCell ref="A23:A27"/>
    <mergeCell ref="A28:A32"/>
    <mergeCell ref="A20:A22"/>
    <mergeCell ref="B20:B22"/>
    <mergeCell ref="A58:B58"/>
    <mergeCell ref="A47:A55"/>
    <mergeCell ref="A38:A46"/>
    <mergeCell ref="A35:A37"/>
    <mergeCell ref="B35:B37"/>
    <mergeCell ref="C20:K20"/>
    <mergeCell ref="L20:T20"/>
    <mergeCell ref="A12:A17"/>
    <mergeCell ref="U20:W21"/>
    <mergeCell ref="C21:E21"/>
    <mergeCell ref="F21:H21"/>
    <mergeCell ref="I21:K21"/>
    <mergeCell ref="L21:N21"/>
    <mergeCell ref="O21:Q21"/>
    <mergeCell ref="R21:T21"/>
    <mergeCell ref="U4:W5"/>
    <mergeCell ref="C5:E5"/>
    <mergeCell ref="F5:H5"/>
    <mergeCell ref="C4:K4"/>
    <mergeCell ref="L4:T4"/>
    <mergeCell ref="L5:N5"/>
    <mergeCell ref="O5:Q5"/>
    <mergeCell ref="R5:T5"/>
    <mergeCell ref="I5:K5"/>
    <mergeCell ref="U35:W36"/>
    <mergeCell ref="C36:E36"/>
    <mergeCell ref="F36:H36"/>
    <mergeCell ref="I36:K36"/>
    <mergeCell ref="L36:N36"/>
    <mergeCell ref="O36:Q36"/>
    <mergeCell ref="R36:T36"/>
    <mergeCell ref="C35:K35"/>
    <mergeCell ref="L35:T35"/>
  </mergeCells>
  <phoneticPr fontId="9"/>
  <printOptions horizontalCentered="1"/>
  <pageMargins left="0.31496062992125984" right="0.31496062992125984" top="0.74803149606299213" bottom="0.74803149606299213" header="0.31496062992125984" footer="0.31496062992125984"/>
  <pageSetup paperSize="9" scale="57" fitToHeight="0" orientation="landscape" r:id="rId1"/>
  <headerFooter scaleWithDoc="0" alignWithMargins="0">
    <oddFooter>&amp;C&amp;P</oddFooter>
  </headerFooter>
  <rowBreaks count="1" manualBreakCount="1">
    <brk id="33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3"/>
  <sheetViews>
    <sheetView view="pageBreakPreview" zoomScale="80" zoomScaleNormal="80" zoomScaleSheetLayoutView="80" workbookViewId="0">
      <selection activeCell="F22" sqref="F22"/>
    </sheetView>
  </sheetViews>
  <sheetFormatPr defaultColWidth="14.77734375" defaultRowHeight="19.95" customHeight="1" x14ac:dyDescent="0.2"/>
  <cols>
    <col min="1" max="16384" width="14.77734375" style="1"/>
  </cols>
  <sheetData>
    <row r="1" spans="1:10" ht="19.95" customHeight="1" x14ac:dyDescent="0.2">
      <c r="A1" s="5" t="s">
        <v>147</v>
      </c>
    </row>
    <row r="2" spans="1:10" ht="19.95" customHeight="1" x14ac:dyDescent="0.2">
      <c r="A2" s="5"/>
    </row>
    <row r="3" spans="1:10" ht="19.95" customHeight="1" thickBot="1" x14ac:dyDescent="0.25">
      <c r="A3" s="1" t="s">
        <v>125</v>
      </c>
      <c r="H3" s="6"/>
    </row>
    <row r="4" spans="1:10" s="274" customFormat="1" ht="19.95" customHeight="1" x14ac:dyDescent="0.2">
      <c r="A4" s="451"/>
      <c r="B4" s="453" t="s">
        <v>226</v>
      </c>
      <c r="C4" s="446" t="s">
        <v>148</v>
      </c>
      <c r="D4" s="447"/>
      <c r="E4" s="447"/>
      <c r="F4" s="503"/>
      <c r="G4" s="502" t="s">
        <v>149</v>
      </c>
      <c r="H4" s="447"/>
      <c r="I4" s="447"/>
      <c r="J4" s="448"/>
    </row>
    <row r="5" spans="1:10" ht="19.95" customHeight="1" thickBot="1" x14ac:dyDescent="0.25">
      <c r="A5" s="452"/>
      <c r="B5" s="454"/>
      <c r="C5" s="190" t="s">
        <v>3</v>
      </c>
      <c r="D5" s="16" t="s">
        <v>4</v>
      </c>
      <c r="E5" s="16" t="s">
        <v>130</v>
      </c>
      <c r="F5" s="16" t="s">
        <v>131</v>
      </c>
      <c r="G5" s="16" t="s">
        <v>3</v>
      </c>
      <c r="H5" s="16" t="s">
        <v>4</v>
      </c>
      <c r="I5" s="16" t="s">
        <v>130</v>
      </c>
      <c r="J5" s="36" t="s">
        <v>131</v>
      </c>
    </row>
    <row r="6" spans="1:10" ht="19.95" customHeight="1" thickTop="1" x14ac:dyDescent="0.2">
      <c r="A6" s="497" t="s">
        <v>21</v>
      </c>
      <c r="B6" s="34" t="s">
        <v>126</v>
      </c>
      <c r="C6" s="275">
        <v>0</v>
      </c>
      <c r="D6" s="80">
        <v>0</v>
      </c>
      <c r="E6" s="80">
        <v>0</v>
      </c>
      <c r="F6" s="9" t="s">
        <v>215</v>
      </c>
      <c r="G6" s="80">
        <v>0</v>
      </c>
      <c r="H6" s="80">
        <v>0</v>
      </c>
      <c r="I6" s="80">
        <v>0</v>
      </c>
      <c r="J6" s="34" t="s">
        <v>215</v>
      </c>
    </row>
    <row r="7" spans="1:10" ht="19.95" customHeight="1" x14ac:dyDescent="0.2">
      <c r="A7" s="498"/>
      <c r="B7" s="35" t="s">
        <v>127</v>
      </c>
      <c r="C7" s="276">
        <v>0</v>
      </c>
      <c r="D7" s="81">
        <v>0</v>
      </c>
      <c r="E7" s="81">
        <v>0</v>
      </c>
      <c r="F7" s="14" t="s">
        <v>215</v>
      </c>
      <c r="G7" s="81">
        <v>0</v>
      </c>
      <c r="H7" s="81">
        <v>0</v>
      </c>
      <c r="I7" s="81">
        <v>0</v>
      </c>
      <c r="J7" s="35" t="s">
        <v>215</v>
      </c>
    </row>
    <row r="8" spans="1:10" ht="19.95" customHeight="1" x14ac:dyDescent="0.2">
      <c r="A8" s="501" t="s">
        <v>257</v>
      </c>
      <c r="B8" s="35" t="s">
        <v>128</v>
      </c>
      <c r="C8" s="276">
        <v>0</v>
      </c>
      <c r="D8" s="81">
        <v>0</v>
      </c>
      <c r="E8" s="81">
        <v>0</v>
      </c>
      <c r="F8" s="14" t="s">
        <v>215</v>
      </c>
      <c r="G8" s="81">
        <v>0</v>
      </c>
      <c r="H8" s="81">
        <v>1</v>
      </c>
      <c r="I8" s="81">
        <v>1</v>
      </c>
      <c r="J8" s="35" t="s">
        <v>215</v>
      </c>
    </row>
    <row r="9" spans="1:10" ht="19.95" customHeight="1" thickBot="1" x14ac:dyDescent="0.25">
      <c r="A9" s="499"/>
      <c r="B9" s="73" t="s">
        <v>129</v>
      </c>
      <c r="C9" s="277">
        <v>0</v>
      </c>
      <c r="D9" s="83">
        <v>0</v>
      </c>
      <c r="E9" s="83">
        <v>0</v>
      </c>
      <c r="F9" s="188" t="s">
        <v>215</v>
      </c>
      <c r="G9" s="83">
        <v>0</v>
      </c>
      <c r="H9" s="83">
        <v>0</v>
      </c>
      <c r="I9" s="83">
        <v>0</v>
      </c>
      <c r="J9" s="73" t="s">
        <v>215</v>
      </c>
    </row>
    <row r="10" spans="1:10" ht="19.95" customHeight="1" x14ac:dyDescent="0.2">
      <c r="A10" s="451" t="s">
        <v>22</v>
      </c>
      <c r="B10" s="40" t="s">
        <v>126</v>
      </c>
      <c r="C10" s="278">
        <v>0</v>
      </c>
      <c r="D10" s="84">
        <v>0</v>
      </c>
      <c r="E10" s="84">
        <v>0</v>
      </c>
      <c r="F10" s="198" t="s">
        <v>215</v>
      </c>
      <c r="G10" s="84">
        <v>0</v>
      </c>
      <c r="H10" s="84">
        <v>0</v>
      </c>
      <c r="I10" s="84">
        <v>0</v>
      </c>
      <c r="J10" s="40" t="s">
        <v>215</v>
      </c>
    </row>
    <row r="11" spans="1:10" ht="19.95" customHeight="1" x14ac:dyDescent="0.2">
      <c r="A11" s="498"/>
      <c r="B11" s="35" t="s">
        <v>127</v>
      </c>
      <c r="C11" s="276">
        <v>0</v>
      </c>
      <c r="D11" s="81">
        <v>0</v>
      </c>
      <c r="E11" s="81">
        <v>0</v>
      </c>
      <c r="F11" s="14" t="s">
        <v>215</v>
      </c>
      <c r="G11" s="81">
        <v>0</v>
      </c>
      <c r="H11" s="81">
        <v>0</v>
      </c>
      <c r="I11" s="81">
        <v>0</v>
      </c>
      <c r="J11" s="35" t="s">
        <v>215</v>
      </c>
    </row>
    <row r="12" spans="1:10" ht="19.95" customHeight="1" x14ac:dyDescent="0.2">
      <c r="A12" s="501" t="s">
        <v>258</v>
      </c>
      <c r="B12" s="35" t="s">
        <v>128</v>
      </c>
      <c r="C12" s="276">
        <v>0</v>
      </c>
      <c r="D12" s="81">
        <v>0</v>
      </c>
      <c r="E12" s="81">
        <v>0</v>
      </c>
      <c r="F12" s="14" t="s">
        <v>215</v>
      </c>
      <c r="G12" s="81">
        <v>0</v>
      </c>
      <c r="H12" s="81">
        <v>3</v>
      </c>
      <c r="I12" s="81">
        <v>3</v>
      </c>
      <c r="J12" s="35" t="s">
        <v>215</v>
      </c>
    </row>
    <row r="13" spans="1:10" ht="19.95" customHeight="1" thickBot="1" x14ac:dyDescent="0.25">
      <c r="A13" s="452"/>
      <c r="B13" s="36" t="s">
        <v>129</v>
      </c>
      <c r="C13" s="279">
        <v>0</v>
      </c>
      <c r="D13" s="82">
        <v>0</v>
      </c>
      <c r="E13" s="82">
        <v>0</v>
      </c>
      <c r="F13" s="16" t="s">
        <v>215</v>
      </c>
      <c r="G13" s="82">
        <v>0</v>
      </c>
      <c r="H13" s="82">
        <v>0</v>
      </c>
      <c r="I13" s="82">
        <v>0</v>
      </c>
      <c r="J13" s="36" t="s">
        <v>215</v>
      </c>
    </row>
    <row r="14" spans="1:10" ht="19.95" customHeight="1" thickTop="1" thickBot="1" x14ac:dyDescent="0.25">
      <c r="A14" s="280"/>
      <c r="B14" s="37" t="s">
        <v>124</v>
      </c>
      <c r="C14" s="280">
        <v>0</v>
      </c>
      <c r="D14" s="281">
        <v>0</v>
      </c>
      <c r="E14" s="281">
        <v>0</v>
      </c>
      <c r="F14" s="281">
        <v>0</v>
      </c>
      <c r="G14" s="281">
        <v>0</v>
      </c>
      <c r="H14" s="281">
        <v>4</v>
      </c>
      <c r="I14" s="281">
        <v>4</v>
      </c>
      <c r="J14" s="282">
        <v>0</v>
      </c>
    </row>
    <row r="15" spans="1:10" ht="19.95" customHeight="1" x14ac:dyDescent="0.2">
      <c r="A15" s="77"/>
      <c r="B15" s="77"/>
      <c r="C15" s="77"/>
      <c r="D15" s="77"/>
      <c r="E15" s="77"/>
      <c r="F15" s="274"/>
      <c r="G15" s="274"/>
      <c r="H15" s="78"/>
      <c r="I15" s="78"/>
      <c r="J15" s="24"/>
    </row>
    <row r="16" spans="1:10" ht="19.95" customHeight="1" thickBot="1" x14ac:dyDescent="0.25">
      <c r="A16" s="1" t="s">
        <v>216</v>
      </c>
      <c r="E16" s="143" t="s">
        <v>217</v>
      </c>
      <c r="H16" s="78"/>
      <c r="I16" s="78"/>
      <c r="J16" s="24"/>
    </row>
    <row r="17" spans="1:10" ht="19.95" customHeight="1" thickBot="1" x14ac:dyDescent="0.25">
      <c r="A17" s="283"/>
      <c r="B17" s="137" t="s">
        <v>132</v>
      </c>
      <c r="C17" s="71" t="s">
        <v>133</v>
      </c>
      <c r="D17" s="71" t="s">
        <v>134</v>
      </c>
      <c r="E17" s="284" t="s">
        <v>221</v>
      </c>
      <c r="F17" s="284" t="s">
        <v>222</v>
      </c>
      <c r="G17" s="285" t="s">
        <v>39</v>
      </c>
      <c r="J17" s="78"/>
    </row>
    <row r="18" spans="1:10" ht="19.95" customHeight="1" thickTop="1" x14ac:dyDescent="0.2">
      <c r="A18" s="286" t="s">
        <v>122</v>
      </c>
      <c r="B18" s="287">
        <v>1</v>
      </c>
      <c r="C18" s="288">
        <v>0</v>
      </c>
      <c r="D18" s="288">
        <v>0</v>
      </c>
      <c r="E18" s="289">
        <v>0</v>
      </c>
      <c r="F18" s="289">
        <v>0</v>
      </c>
      <c r="G18" s="110">
        <v>1</v>
      </c>
    </row>
    <row r="19" spans="1:10" ht="19.95" customHeight="1" thickBot="1" x14ac:dyDescent="0.25">
      <c r="A19" s="290" t="s">
        <v>123</v>
      </c>
      <c r="B19" s="291">
        <v>0</v>
      </c>
      <c r="C19" s="292">
        <v>0</v>
      </c>
      <c r="D19" s="292">
        <v>0</v>
      </c>
      <c r="E19" s="293">
        <v>0</v>
      </c>
      <c r="F19" s="293">
        <v>2</v>
      </c>
      <c r="G19" s="111">
        <v>2</v>
      </c>
    </row>
    <row r="20" spans="1:10" ht="19.95" customHeight="1" thickTop="1" thickBot="1" x14ac:dyDescent="0.25">
      <c r="A20" s="294" t="s">
        <v>124</v>
      </c>
      <c r="B20" s="295">
        <v>1</v>
      </c>
      <c r="C20" s="296">
        <v>0</v>
      </c>
      <c r="D20" s="296">
        <v>0</v>
      </c>
      <c r="E20" s="296">
        <v>0</v>
      </c>
      <c r="F20" s="297">
        <v>2</v>
      </c>
      <c r="G20" s="298">
        <v>3</v>
      </c>
    </row>
    <row r="21" spans="1:10" ht="19.95" customHeight="1" x14ac:dyDescent="0.2">
      <c r="A21" s="78"/>
      <c r="B21" s="78"/>
      <c r="C21" s="78"/>
      <c r="D21" s="78"/>
    </row>
    <row r="22" spans="1:10" ht="19.95" customHeight="1" thickBot="1" x14ac:dyDescent="0.25">
      <c r="A22" s="78" t="s">
        <v>218</v>
      </c>
      <c r="B22" s="78"/>
      <c r="C22" s="78"/>
      <c r="D22" s="78"/>
      <c r="E22" s="143" t="s">
        <v>219</v>
      </c>
    </row>
    <row r="23" spans="1:10" ht="19.95" customHeight="1" thickBot="1" x14ac:dyDescent="0.25">
      <c r="A23" s="283"/>
      <c r="B23" s="137" t="s">
        <v>135</v>
      </c>
      <c r="C23" s="299" t="s">
        <v>136</v>
      </c>
      <c r="D23" s="71" t="s">
        <v>139</v>
      </c>
      <c r="E23" s="300" t="s">
        <v>223</v>
      </c>
      <c r="F23" s="285" t="s">
        <v>39</v>
      </c>
      <c r="H23" s="1" t="s">
        <v>137</v>
      </c>
    </row>
    <row r="24" spans="1:10" ht="19.95" customHeight="1" thickTop="1" x14ac:dyDescent="0.2">
      <c r="A24" s="286" t="s">
        <v>122</v>
      </c>
      <c r="B24" s="287">
        <v>32</v>
      </c>
      <c r="C24" s="288">
        <v>41</v>
      </c>
      <c r="D24" s="288">
        <v>9</v>
      </c>
      <c r="E24" s="289">
        <v>0</v>
      </c>
      <c r="F24" s="110">
        <v>82</v>
      </c>
      <c r="H24" s="301" t="s">
        <v>224</v>
      </c>
      <c r="I24" s="302"/>
      <c r="J24" s="303"/>
    </row>
    <row r="25" spans="1:10" ht="19.95" customHeight="1" thickBot="1" x14ac:dyDescent="0.25">
      <c r="A25" s="290" t="s">
        <v>123</v>
      </c>
      <c r="B25" s="291">
        <v>74</v>
      </c>
      <c r="C25" s="292">
        <v>124</v>
      </c>
      <c r="D25" s="292">
        <v>29</v>
      </c>
      <c r="E25" s="293">
        <v>1</v>
      </c>
      <c r="F25" s="111">
        <v>228</v>
      </c>
      <c r="H25" s="304" t="s">
        <v>225</v>
      </c>
      <c r="I25" s="78"/>
      <c r="J25" s="305"/>
    </row>
    <row r="26" spans="1:10" ht="19.95" customHeight="1" thickTop="1" thickBot="1" x14ac:dyDescent="0.25">
      <c r="A26" s="294" t="s">
        <v>124</v>
      </c>
      <c r="B26" s="295">
        <v>106</v>
      </c>
      <c r="C26" s="296">
        <v>165</v>
      </c>
      <c r="D26" s="296">
        <v>38</v>
      </c>
      <c r="E26" s="296">
        <v>1</v>
      </c>
      <c r="F26" s="298">
        <v>310</v>
      </c>
      <c r="H26" s="306"/>
      <c r="I26" s="307"/>
      <c r="J26" s="308"/>
    </row>
    <row r="27" spans="1:10" ht="19.95" customHeight="1" x14ac:dyDescent="0.2">
      <c r="A27" s="79"/>
      <c r="B27" s="79"/>
      <c r="C27" s="79"/>
      <c r="D27" s="79"/>
      <c r="E27" s="79"/>
      <c r="F27" s="79"/>
      <c r="G27" s="79"/>
    </row>
    <row r="28" spans="1:10" ht="19.95" customHeight="1" thickBot="1" x14ac:dyDescent="0.25">
      <c r="A28" s="1" t="s">
        <v>138</v>
      </c>
      <c r="E28" s="143" t="s">
        <v>220</v>
      </c>
      <c r="H28" s="79"/>
    </row>
    <row r="29" spans="1:10" s="29" customFormat="1" ht="19.95" customHeight="1" thickBot="1" x14ac:dyDescent="0.25">
      <c r="A29" s="283"/>
      <c r="B29" s="309" t="s">
        <v>140</v>
      </c>
      <c r="C29" s="72" t="s">
        <v>141</v>
      </c>
      <c r="D29" s="72" t="s">
        <v>142</v>
      </c>
      <c r="E29" s="72" t="s">
        <v>143</v>
      </c>
      <c r="F29" s="72" t="s">
        <v>144</v>
      </c>
      <c r="G29" s="72" t="s">
        <v>145</v>
      </c>
      <c r="H29" s="72" t="s">
        <v>146</v>
      </c>
      <c r="I29" s="310" t="s">
        <v>50</v>
      </c>
    </row>
    <row r="30" spans="1:10" s="29" customFormat="1" ht="19.95" customHeight="1" thickTop="1" x14ac:dyDescent="0.2">
      <c r="A30" s="286" t="s">
        <v>122</v>
      </c>
      <c r="B30" s="311">
        <v>91</v>
      </c>
      <c r="C30" s="312">
        <v>40</v>
      </c>
      <c r="D30" s="312">
        <v>72</v>
      </c>
      <c r="E30" s="312">
        <v>41</v>
      </c>
      <c r="F30" s="312">
        <v>36</v>
      </c>
      <c r="G30" s="312">
        <v>24</v>
      </c>
      <c r="H30" s="312">
        <v>74</v>
      </c>
      <c r="I30" s="313">
        <v>4</v>
      </c>
    </row>
    <row r="31" spans="1:10" s="29" customFormat="1" ht="19.95" customHeight="1" thickBot="1" x14ac:dyDescent="0.25">
      <c r="A31" s="314" t="s">
        <v>123</v>
      </c>
      <c r="B31" s="315">
        <v>210</v>
      </c>
      <c r="C31" s="316">
        <v>76</v>
      </c>
      <c r="D31" s="316">
        <v>232</v>
      </c>
      <c r="E31" s="316">
        <v>161</v>
      </c>
      <c r="F31" s="316">
        <v>155</v>
      </c>
      <c r="G31" s="316">
        <v>54</v>
      </c>
      <c r="H31" s="316">
        <v>192</v>
      </c>
      <c r="I31" s="317">
        <v>16</v>
      </c>
    </row>
    <row r="32" spans="1:10" s="29" customFormat="1" ht="19.95" customHeight="1" thickTop="1" thickBot="1" x14ac:dyDescent="0.25">
      <c r="A32" s="318" t="s">
        <v>39</v>
      </c>
      <c r="B32" s="319">
        <v>301</v>
      </c>
      <c r="C32" s="320">
        <v>116</v>
      </c>
      <c r="D32" s="320">
        <v>304</v>
      </c>
      <c r="E32" s="320">
        <v>202</v>
      </c>
      <c r="F32" s="320">
        <v>191</v>
      </c>
      <c r="G32" s="320">
        <v>78</v>
      </c>
      <c r="H32" s="320">
        <v>266</v>
      </c>
      <c r="I32" s="321">
        <v>20</v>
      </c>
    </row>
    <row r="33" spans="1:9" ht="19.95" customHeight="1" x14ac:dyDescent="0.2">
      <c r="A33" s="24"/>
      <c r="B33" s="26"/>
      <c r="C33" s="26"/>
      <c r="D33" s="26"/>
      <c r="E33" s="26"/>
      <c r="F33" s="26"/>
      <c r="G33" s="26"/>
      <c r="H33" s="26"/>
      <c r="I33" s="26"/>
    </row>
  </sheetData>
  <mergeCells count="8">
    <mergeCell ref="A8:A9"/>
    <mergeCell ref="A10:A11"/>
    <mergeCell ref="A12:A13"/>
    <mergeCell ref="G4:J4"/>
    <mergeCell ref="C4:F4"/>
    <mergeCell ref="A4:A5"/>
    <mergeCell ref="B4:B5"/>
    <mergeCell ref="A6:A7"/>
  </mergeCells>
  <phoneticPr fontId="9"/>
  <pageMargins left="1.1023622047244095" right="0.31496062992125984" top="0.74803149606299213" bottom="0.74803149606299213" header="0.31496062992125984" footer="0.31496062992125984"/>
  <pageSetup paperSize="9" scale="62" orientation="landscape" r:id="rId1"/>
  <headerFooter scaleWithDoc="0" alignWithMargins="0">
    <oddFooter>&amp;C&amp;P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3"/>
  <sheetViews>
    <sheetView view="pageBreakPreview" zoomScale="80" zoomScaleNormal="80" zoomScaleSheetLayoutView="80" workbookViewId="0">
      <selection activeCell="H14" sqref="H14"/>
    </sheetView>
  </sheetViews>
  <sheetFormatPr defaultColWidth="14.77734375" defaultRowHeight="19.95" customHeight="1" x14ac:dyDescent="0.2"/>
  <cols>
    <col min="1" max="1" width="7.77734375" style="1" customWidth="1"/>
    <col min="2" max="8" width="14.77734375" style="1"/>
    <col min="9" max="9" width="14.77734375" style="124"/>
    <col min="10" max="16384" width="14.77734375" style="1"/>
  </cols>
  <sheetData>
    <row r="1" spans="1:12" ht="19.95" customHeight="1" x14ac:dyDescent="0.2">
      <c r="A1" s="5" t="s">
        <v>150</v>
      </c>
    </row>
    <row r="3" spans="1:12" ht="19.95" customHeight="1" thickBot="1" x14ac:dyDescent="0.25">
      <c r="A3" s="1" t="s">
        <v>151</v>
      </c>
      <c r="F3" s="143" t="s">
        <v>51</v>
      </c>
      <c r="J3" s="1" t="s">
        <v>210</v>
      </c>
    </row>
    <row r="4" spans="1:12" ht="24" customHeight="1" thickBot="1" x14ac:dyDescent="0.25">
      <c r="A4" s="322"/>
      <c r="B4" s="508" t="s">
        <v>152</v>
      </c>
      <c r="C4" s="508"/>
      <c r="D4" s="509"/>
      <c r="E4" s="87" t="s">
        <v>167</v>
      </c>
      <c r="F4" s="88" t="s">
        <v>101</v>
      </c>
      <c r="G4" s="94" t="s">
        <v>166</v>
      </c>
      <c r="H4" s="89" t="s">
        <v>101</v>
      </c>
      <c r="I4" s="344"/>
      <c r="J4" s="301" t="s">
        <v>249</v>
      </c>
      <c r="K4" s="302"/>
      <c r="L4" s="303"/>
    </row>
    <row r="5" spans="1:12" ht="19.95" customHeight="1" x14ac:dyDescent="0.2">
      <c r="A5" s="513" t="s">
        <v>206</v>
      </c>
      <c r="B5" s="504" t="s">
        <v>153</v>
      </c>
      <c r="C5" s="106" t="s">
        <v>154</v>
      </c>
      <c r="D5" s="107"/>
      <c r="E5" s="323">
        <v>57</v>
      </c>
      <c r="F5" s="112">
        <v>0.20141342756183744</v>
      </c>
      <c r="G5" s="324">
        <v>20</v>
      </c>
      <c r="H5" s="116">
        <v>0.11695906432748537</v>
      </c>
      <c r="J5" s="304"/>
      <c r="K5" s="78"/>
      <c r="L5" s="305"/>
    </row>
    <row r="6" spans="1:12" ht="19.95" customHeight="1" x14ac:dyDescent="0.2">
      <c r="A6" s="514"/>
      <c r="B6" s="504"/>
      <c r="C6" s="85" t="s">
        <v>155</v>
      </c>
      <c r="D6" s="86"/>
      <c r="E6" s="325">
        <v>43</v>
      </c>
      <c r="F6" s="113">
        <v>0.1519434628975265</v>
      </c>
      <c r="G6" s="326">
        <v>31</v>
      </c>
      <c r="H6" s="117">
        <v>0.18128654970760233</v>
      </c>
      <c r="J6" s="304"/>
      <c r="K6" s="78"/>
      <c r="L6" s="305"/>
    </row>
    <row r="7" spans="1:12" ht="19.95" customHeight="1" x14ac:dyDescent="0.2">
      <c r="A7" s="514"/>
      <c r="B7" s="504"/>
      <c r="C7" s="85" t="s">
        <v>156</v>
      </c>
      <c r="D7" s="86"/>
      <c r="E7" s="325">
        <v>2</v>
      </c>
      <c r="F7" s="113">
        <v>7.0671378091872791E-3</v>
      </c>
      <c r="G7" s="326">
        <v>0</v>
      </c>
      <c r="H7" s="117">
        <v>0</v>
      </c>
      <c r="J7" s="306"/>
      <c r="K7" s="307"/>
      <c r="L7" s="308"/>
    </row>
    <row r="8" spans="1:12" ht="19.95" customHeight="1" x14ac:dyDescent="0.2">
      <c r="A8" s="514"/>
      <c r="B8" s="504"/>
      <c r="C8" s="85" t="s">
        <v>157</v>
      </c>
      <c r="D8" s="86"/>
      <c r="E8" s="325">
        <v>19</v>
      </c>
      <c r="F8" s="113">
        <v>6.7137809187279157E-2</v>
      </c>
      <c r="G8" s="326">
        <v>14</v>
      </c>
      <c r="H8" s="117">
        <v>8.1871345029239762E-2</v>
      </c>
    </row>
    <row r="9" spans="1:12" ht="19.95" customHeight="1" x14ac:dyDescent="0.2">
      <c r="A9" s="514"/>
      <c r="B9" s="504"/>
      <c r="C9" s="85" t="s">
        <v>158</v>
      </c>
      <c r="D9" s="86"/>
      <c r="E9" s="325">
        <v>35</v>
      </c>
      <c r="F9" s="113">
        <v>0.12367491166077739</v>
      </c>
      <c r="G9" s="326">
        <v>27</v>
      </c>
      <c r="H9" s="117">
        <v>0.15789473684210525</v>
      </c>
      <c r="J9" s="1" t="s">
        <v>211</v>
      </c>
    </row>
    <row r="10" spans="1:12" ht="19.95" customHeight="1" x14ac:dyDescent="0.2">
      <c r="A10" s="514"/>
      <c r="B10" s="504"/>
      <c r="C10" s="85" t="s">
        <v>159</v>
      </c>
      <c r="D10" s="86"/>
      <c r="E10" s="325">
        <v>8</v>
      </c>
      <c r="F10" s="113">
        <v>2.8268551236749116E-2</v>
      </c>
      <c r="G10" s="326">
        <v>5</v>
      </c>
      <c r="H10" s="117">
        <v>2.9239766081871343E-2</v>
      </c>
      <c r="J10" s="301" t="s">
        <v>241</v>
      </c>
      <c r="K10" s="302">
        <v>7</v>
      </c>
      <c r="L10" s="303"/>
    </row>
    <row r="11" spans="1:12" ht="19.95" customHeight="1" x14ac:dyDescent="0.2">
      <c r="A11" s="514"/>
      <c r="B11" s="504"/>
      <c r="C11" s="85" t="s">
        <v>160</v>
      </c>
      <c r="D11" s="86"/>
      <c r="E11" s="325">
        <v>2</v>
      </c>
      <c r="F11" s="113">
        <v>7.0671378091872791E-3</v>
      </c>
      <c r="G11" s="326">
        <v>0</v>
      </c>
      <c r="H11" s="117">
        <v>0</v>
      </c>
      <c r="J11" s="304" t="s">
        <v>242</v>
      </c>
      <c r="K11" s="78">
        <v>3</v>
      </c>
      <c r="L11" s="305"/>
    </row>
    <row r="12" spans="1:12" ht="19.95" customHeight="1" thickBot="1" x14ac:dyDescent="0.25">
      <c r="A12" s="514"/>
      <c r="B12" s="505"/>
      <c r="C12" s="92" t="s">
        <v>161</v>
      </c>
      <c r="D12" s="93"/>
      <c r="E12" s="327">
        <v>0</v>
      </c>
      <c r="F12" s="114">
        <v>0</v>
      </c>
      <c r="G12" s="328">
        <v>0</v>
      </c>
      <c r="H12" s="118">
        <v>0</v>
      </c>
      <c r="J12" s="304" t="s">
        <v>243</v>
      </c>
      <c r="K12" s="78">
        <v>2</v>
      </c>
      <c r="L12" s="305"/>
    </row>
    <row r="13" spans="1:12" ht="19.95" customHeight="1" x14ac:dyDescent="0.2">
      <c r="A13" s="514"/>
      <c r="B13" s="506" t="s">
        <v>162</v>
      </c>
      <c r="C13" s="90" t="s">
        <v>165</v>
      </c>
      <c r="D13" s="91"/>
      <c r="E13" s="323">
        <v>53</v>
      </c>
      <c r="F13" s="112">
        <v>0.1872791519434629</v>
      </c>
      <c r="G13" s="324">
        <v>4</v>
      </c>
      <c r="H13" s="116">
        <v>2.3391812865497075E-2</v>
      </c>
      <c r="J13" s="306" t="s">
        <v>244</v>
      </c>
      <c r="K13" s="307">
        <v>5</v>
      </c>
      <c r="L13" s="308"/>
    </row>
    <row r="14" spans="1:12" ht="19.95" customHeight="1" thickBot="1" x14ac:dyDescent="0.25">
      <c r="A14" s="514"/>
      <c r="B14" s="507"/>
      <c r="C14" s="92" t="s">
        <v>163</v>
      </c>
      <c r="D14" s="93"/>
      <c r="E14" s="327">
        <v>15</v>
      </c>
      <c r="F14" s="114">
        <v>5.3003533568904596E-2</v>
      </c>
      <c r="G14" s="328">
        <v>2</v>
      </c>
      <c r="H14" s="118">
        <v>1.1695906432748537E-2</v>
      </c>
      <c r="I14" s="337"/>
      <c r="J14" s="78"/>
      <c r="K14" s="78"/>
      <c r="L14" s="78"/>
    </row>
    <row r="15" spans="1:12" ht="19.95" customHeight="1" thickBot="1" x14ac:dyDescent="0.25">
      <c r="A15" s="514"/>
      <c r="B15" s="510" t="s">
        <v>164</v>
      </c>
      <c r="C15" s="511"/>
      <c r="D15" s="512"/>
      <c r="E15" s="345">
        <v>49</v>
      </c>
      <c r="F15" s="115">
        <v>0.17314487632508835</v>
      </c>
      <c r="G15" s="346">
        <v>68</v>
      </c>
      <c r="H15" s="119">
        <v>0.39766081871345027</v>
      </c>
      <c r="I15" s="347"/>
      <c r="J15" s="78"/>
      <c r="K15" s="78"/>
      <c r="L15" s="78"/>
    </row>
    <row r="16" spans="1:12" ht="19.95" customHeight="1" thickTop="1" thickBot="1" x14ac:dyDescent="0.25">
      <c r="A16" s="515"/>
      <c r="B16" s="329"/>
      <c r="C16" s="78"/>
      <c r="D16" s="330" t="s">
        <v>39</v>
      </c>
      <c r="E16" s="331">
        <v>283</v>
      </c>
      <c r="F16" s="192">
        <v>1</v>
      </c>
      <c r="G16" s="331">
        <v>171</v>
      </c>
      <c r="H16" s="332">
        <v>0.99999999999999989</v>
      </c>
      <c r="I16" s="337"/>
      <c r="J16" s="78"/>
      <c r="K16" s="78"/>
      <c r="L16" s="78"/>
    </row>
    <row r="17" spans="1:12" ht="19.95" customHeight="1" x14ac:dyDescent="0.2">
      <c r="A17" s="513" t="s">
        <v>207</v>
      </c>
      <c r="B17" s="517" t="s">
        <v>153</v>
      </c>
      <c r="C17" s="90" t="s">
        <v>154</v>
      </c>
      <c r="D17" s="91"/>
      <c r="E17" s="323">
        <v>168</v>
      </c>
      <c r="F17" s="112">
        <v>0.23463687150837989</v>
      </c>
      <c r="G17" s="324">
        <v>46</v>
      </c>
      <c r="H17" s="116">
        <v>0.13333333333333333</v>
      </c>
      <c r="I17" s="338"/>
      <c r="J17" s="78"/>
      <c r="K17" s="78"/>
      <c r="L17" s="78"/>
    </row>
    <row r="18" spans="1:12" ht="19.95" customHeight="1" x14ac:dyDescent="0.2">
      <c r="A18" s="514"/>
      <c r="B18" s="504"/>
      <c r="C18" s="85" t="s">
        <v>155</v>
      </c>
      <c r="D18" s="86"/>
      <c r="E18" s="325">
        <v>88</v>
      </c>
      <c r="F18" s="113">
        <v>0.12290502793296089</v>
      </c>
      <c r="G18" s="326">
        <v>56</v>
      </c>
      <c r="H18" s="117">
        <v>0.16231884057971013</v>
      </c>
      <c r="I18" s="338"/>
      <c r="J18" s="78"/>
      <c r="K18" s="78"/>
      <c r="L18" s="78"/>
    </row>
    <row r="19" spans="1:12" ht="19.95" customHeight="1" x14ac:dyDescent="0.2">
      <c r="A19" s="514"/>
      <c r="B19" s="504"/>
      <c r="C19" s="85" t="s">
        <v>156</v>
      </c>
      <c r="D19" s="107"/>
      <c r="E19" s="325">
        <v>4</v>
      </c>
      <c r="F19" s="113">
        <v>5.5865921787709499E-3</v>
      </c>
      <c r="G19" s="326">
        <v>1</v>
      </c>
      <c r="H19" s="117">
        <v>2.8985507246376812E-3</v>
      </c>
      <c r="I19" s="338"/>
      <c r="J19" s="78"/>
      <c r="K19" s="78"/>
      <c r="L19" s="30"/>
    </row>
    <row r="20" spans="1:12" ht="19.95" customHeight="1" x14ac:dyDescent="0.2">
      <c r="A20" s="514"/>
      <c r="B20" s="504"/>
      <c r="C20" s="85" t="s">
        <v>157</v>
      </c>
      <c r="D20" s="86"/>
      <c r="E20" s="325">
        <v>14</v>
      </c>
      <c r="F20" s="113">
        <v>1.9553072625698324E-2</v>
      </c>
      <c r="G20" s="326">
        <v>6</v>
      </c>
      <c r="H20" s="117">
        <v>1.7391304347826087E-2</v>
      </c>
      <c r="I20" s="338"/>
      <c r="J20" s="78"/>
      <c r="K20" s="78"/>
      <c r="L20" s="30"/>
    </row>
    <row r="21" spans="1:12" ht="19.95" customHeight="1" x14ac:dyDescent="0.2">
      <c r="A21" s="514"/>
      <c r="B21" s="504"/>
      <c r="C21" s="85" t="s">
        <v>158</v>
      </c>
      <c r="D21" s="86"/>
      <c r="E21" s="325">
        <v>112</v>
      </c>
      <c r="F21" s="113">
        <v>0.15642458100558659</v>
      </c>
      <c r="G21" s="326">
        <v>37</v>
      </c>
      <c r="H21" s="117">
        <v>0.1072463768115942</v>
      </c>
      <c r="I21" s="338"/>
      <c r="J21" s="78"/>
      <c r="K21" s="78"/>
      <c r="L21" s="30"/>
    </row>
    <row r="22" spans="1:12" ht="19.95" customHeight="1" x14ac:dyDescent="0.2">
      <c r="A22" s="514"/>
      <c r="B22" s="504"/>
      <c r="C22" s="85" t="s">
        <v>159</v>
      </c>
      <c r="D22" s="86"/>
      <c r="E22" s="325">
        <v>20</v>
      </c>
      <c r="F22" s="113">
        <v>2.7932960893854747E-2</v>
      </c>
      <c r="G22" s="326">
        <v>14</v>
      </c>
      <c r="H22" s="117">
        <v>4.0579710144927533E-2</v>
      </c>
      <c r="I22" s="338"/>
      <c r="J22" s="78"/>
      <c r="K22" s="78"/>
      <c r="L22" s="30"/>
    </row>
    <row r="23" spans="1:12" ht="19.95" customHeight="1" x14ac:dyDescent="0.2">
      <c r="A23" s="514"/>
      <c r="B23" s="504"/>
      <c r="C23" s="85" t="s">
        <v>160</v>
      </c>
      <c r="D23" s="86"/>
      <c r="E23" s="325">
        <v>3</v>
      </c>
      <c r="F23" s="113">
        <v>4.1899441340782122E-3</v>
      </c>
      <c r="G23" s="326">
        <v>0</v>
      </c>
      <c r="H23" s="117">
        <v>0</v>
      </c>
      <c r="I23" s="338"/>
      <c r="J23" s="78"/>
      <c r="K23" s="78"/>
      <c r="L23" s="30"/>
    </row>
    <row r="24" spans="1:12" ht="19.95" customHeight="1" thickBot="1" x14ac:dyDescent="0.25">
      <c r="A24" s="514"/>
      <c r="B24" s="505"/>
      <c r="C24" s="92" t="s">
        <v>161</v>
      </c>
      <c r="D24" s="93"/>
      <c r="E24" s="327">
        <v>17</v>
      </c>
      <c r="F24" s="114">
        <v>2.3743016759776536E-2</v>
      </c>
      <c r="G24" s="328">
        <v>28</v>
      </c>
      <c r="H24" s="118">
        <v>8.1159420289855067E-2</v>
      </c>
      <c r="I24" s="338"/>
      <c r="J24" s="78"/>
      <c r="K24" s="78"/>
      <c r="L24" s="30"/>
    </row>
    <row r="25" spans="1:12" ht="19.95" customHeight="1" x14ac:dyDescent="0.2">
      <c r="A25" s="514"/>
      <c r="B25" s="506" t="s">
        <v>162</v>
      </c>
      <c r="C25" s="90" t="s">
        <v>165</v>
      </c>
      <c r="D25" s="91"/>
      <c r="E25" s="323">
        <v>149</v>
      </c>
      <c r="F25" s="112">
        <v>0.20810055865921787</v>
      </c>
      <c r="G25" s="324">
        <v>33</v>
      </c>
      <c r="H25" s="116">
        <v>9.5652173913043481E-2</v>
      </c>
      <c r="I25" s="338"/>
      <c r="J25" s="78"/>
      <c r="K25" s="78"/>
      <c r="L25" s="30"/>
    </row>
    <row r="26" spans="1:12" ht="19.95" customHeight="1" thickBot="1" x14ac:dyDescent="0.25">
      <c r="A26" s="514"/>
      <c r="B26" s="507"/>
      <c r="C26" s="92" t="s">
        <v>163</v>
      </c>
      <c r="D26" s="93"/>
      <c r="E26" s="327">
        <v>48</v>
      </c>
      <c r="F26" s="114">
        <v>6.7039106145251395E-2</v>
      </c>
      <c r="G26" s="328">
        <v>2</v>
      </c>
      <c r="H26" s="118">
        <v>5.7971014492753624E-3</v>
      </c>
      <c r="I26" s="338"/>
      <c r="J26" s="78"/>
      <c r="K26" s="78"/>
      <c r="L26" s="30"/>
    </row>
    <row r="27" spans="1:12" ht="19.95" customHeight="1" thickBot="1" x14ac:dyDescent="0.25">
      <c r="A27" s="514"/>
      <c r="B27" s="510" t="s">
        <v>164</v>
      </c>
      <c r="C27" s="511"/>
      <c r="D27" s="512"/>
      <c r="E27" s="345">
        <v>93</v>
      </c>
      <c r="F27" s="115">
        <v>0.12988826815642457</v>
      </c>
      <c r="G27" s="346">
        <v>122</v>
      </c>
      <c r="H27" s="119">
        <v>0.3536231884057971</v>
      </c>
      <c r="I27" s="338"/>
      <c r="J27" s="78"/>
      <c r="K27" s="78"/>
      <c r="L27" s="30"/>
    </row>
    <row r="28" spans="1:12" ht="19.95" customHeight="1" thickTop="1" thickBot="1" x14ac:dyDescent="0.25">
      <c r="A28" s="515"/>
      <c r="B28" s="333"/>
      <c r="C28" s="334"/>
      <c r="D28" s="335" t="s">
        <v>39</v>
      </c>
      <c r="E28" s="295">
        <v>716</v>
      </c>
      <c r="F28" s="336">
        <v>1</v>
      </c>
      <c r="G28" s="295">
        <v>345</v>
      </c>
      <c r="H28" s="332">
        <v>0.99999999999999989</v>
      </c>
      <c r="I28" s="337"/>
      <c r="J28" s="78"/>
      <c r="K28" s="78"/>
      <c r="L28" s="30"/>
    </row>
    <row r="29" spans="1:12" ht="19.95" customHeight="1" x14ac:dyDescent="0.2">
      <c r="B29" s="78"/>
      <c r="C29" s="78"/>
      <c r="D29" s="30"/>
      <c r="E29" s="30"/>
      <c r="F29" s="30"/>
      <c r="G29" s="30"/>
      <c r="H29" s="30"/>
      <c r="I29" s="338"/>
      <c r="J29" s="78"/>
      <c r="K29" s="78"/>
      <c r="L29" s="30"/>
    </row>
    <row r="30" spans="1:12" ht="19.8" customHeight="1" thickBot="1" x14ac:dyDescent="0.25">
      <c r="A30" s="1" t="s">
        <v>168</v>
      </c>
      <c r="F30" s="143" t="s">
        <v>51</v>
      </c>
    </row>
    <row r="31" spans="1:12" ht="28.05" customHeight="1" thickBot="1" x14ac:dyDescent="0.25">
      <c r="A31" s="69"/>
      <c r="B31" s="70" t="s">
        <v>100</v>
      </c>
      <c r="C31" s="137" t="s">
        <v>169</v>
      </c>
      <c r="D31" s="309" t="s">
        <v>170</v>
      </c>
      <c r="E31" s="137" t="s">
        <v>171</v>
      </c>
      <c r="F31" s="137" t="s">
        <v>172</v>
      </c>
      <c r="G31" s="137" t="s">
        <v>173</v>
      </c>
      <c r="H31" s="309" t="s">
        <v>174</v>
      </c>
      <c r="I31" s="339" t="s">
        <v>175</v>
      </c>
      <c r="J31" s="71" t="s">
        <v>176</v>
      </c>
      <c r="K31" s="64" t="s">
        <v>50</v>
      </c>
      <c r="L31" s="99" t="s">
        <v>227</v>
      </c>
    </row>
    <row r="32" spans="1:12" ht="19.95" customHeight="1" thickTop="1" x14ac:dyDescent="0.2">
      <c r="A32" s="497" t="s">
        <v>21</v>
      </c>
      <c r="B32" s="189">
        <v>76</v>
      </c>
      <c r="C32" s="154">
        <v>17</v>
      </c>
      <c r="D32" s="340">
        <v>21</v>
      </c>
      <c r="E32" s="340">
        <v>5</v>
      </c>
      <c r="F32" s="340">
        <v>5</v>
      </c>
      <c r="G32" s="340">
        <v>8</v>
      </c>
      <c r="H32" s="155">
        <v>0</v>
      </c>
      <c r="I32" s="341">
        <v>16</v>
      </c>
      <c r="J32" s="155">
        <v>15</v>
      </c>
      <c r="K32" s="156">
        <v>9</v>
      </c>
      <c r="L32" s="100">
        <v>96</v>
      </c>
    </row>
    <row r="33" spans="1:12" ht="19.95" customHeight="1" x14ac:dyDescent="0.2">
      <c r="A33" s="516"/>
      <c r="B33" s="172" t="s">
        <v>74</v>
      </c>
      <c r="C33" s="173">
        <v>0.17708333333333334</v>
      </c>
      <c r="D33" s="205">
        <v>0.21875</v>
      </c>
      <c r="E33" s="205">
        <v>5.2083333333333336E-2</v>
      </c>
      <c r="F33" s="205">
        <v>5.2083333333333336E-2</v>
      </c>
      <c r="G33" s="205">
        <v>8.3333333333333329E-2</v>
      </c>
      <c r="H33" s="174">
        <v>0</v>
      </c>
      <c r="I33" s="174">
        <v>0.16666666666666666</v>
      </c>
      <c r="J33" s="174">
        <v>0.15625</v>
      </c>
      <c r="K33" s="175">
        <v>9.375E-2</v>
      </c>
      <c r="L33" s="176">
        <v>1</v>
      </c>
    </row>
    <row r="34" spans="1:12" ht="19.95" customHeight="1" x14ac:dyDescent="0.2">
      <c r="A34" s="501" t="s">
        <v>22</v>
      </c>
      <c r="B34" s="172">
        <v>207</v>
      </c>
      <c r="C34" s="157">
        <v>73</v>
      </c>
      <c r="D34" s="342">
        <v>43</v>
      </c>
      <c r="E34" s="342">
        <v>9</v>
      </c>
      <c r="F34" s="342">
        <v>7</v>
      </c>
      <c r="G34" s="342">
        <v>29</v>
      </c>
      <c r="H34" s="158">
        <v>2</v>
      </c>
      <c r="I34" s="343">
        <v>30</v>
      </c>
      <c r="J34" s="158">
        <v>38</v>
      </c>
      <c r="K34" s="159">
        <v>19</v>
      </c>
      <c r="L34" s="101">
        <v>250</v>
      </c>
    </row>
    <row r="35" spans="1:12" ht="19.95" customHeight="1" thickBot="1" x14ac:dyDescent="0.25">
      <c r="A35" s="452"/>
      <c r="B35" s="177" t="s">
        <v>74</v>
      </c>
      <c r="C35" s="178">
        <v>0.29199999999999998</v>
      </c>
      <c r="D35" s="348">
        <v>0.17199999999999999</v>
      </c>
      <c r="E35" s="348">
        <v>3.5999999999999997E-2</v>
      </c>
      <c r="F35" s="348">
        <v>2.8000000000000001E-2</v>
      </c>
      <c r="G35" s="348">
        <v>0.11600000000000001</v>
      </c>
      <c r="H35" s="179">
        <v>8.0000000000000002E-3</v>
      </c>
      <c r="I35" s="179">
        <v>0.12</v>
      </c>
      <c r="J35" s="179">
        <v>0.152</v>
      </c>
      <c r="K35" s="179">
        <v>7.5999999999999998E-2</v>
      </c>
      <c r="L35" s="181">
        <v>1</v>
      </c>
    </row>
    <row r="36" spans="1:12" ht="19.95" customHeight="1" thickTop="1" x14ac:dyDescent="0.2">
      <c r="A36" s="182"/>
      <c r="B36" s="183" t="s">
        <v>35</v>
      </c>
      <c r="C36" s="184">
        <v>90</v>
      </c>
      <c r="D36" s="167">
        <v>64</v>
      </c>
      <c r="E36" s="167">
        <v>14</v>
      </c>
      <c r="F36" s="167">
        <v>12</v>
      </c>
      <c r="G36" s="167">
        <v>37</v>
      </c>
      <c r="H36" s="168">
        <v>2</v>
      </c>
      <c r="I36" s="349">
        <v>46</v>
      </c>
      <c r="J36" s="168">
        <v>53</v>
      </c>
      <c r="K36" s="169">
        <v>28</v>
      </c>
      <c r="L36" s="101">
        <v>346</v>
      </c>
    </row>
    <row r="37" spans="1:12" ht="19.95" customHeight="1" thickBot="1" x14ac:dyDescent="0.25">
      <c r="A37" s="185"/>
      <c r="B37" s="73" t="s">
        <v>101</v>
      </c>
      <c r="C37" s="97">
        <v>0.26011560693641617</v>
      </c>
      <c r="D37" s="105">
        <v>0.18497109826589594</v>
      </c>
      <c r="E37" s="105">
        <v>4.046242774566474E-2</v>
      </c>
      <c r="F37" s="105">
        <v>3.4682080924855488E-2</v>
      </c>
      <c r="G37" s="105">
        <v>0.1069364161849711</v>
      </c>
      <c r="H37" s="98">
        <v>5.7803468208092483E-3</v>
      </c>
      <c r="I37" s="98">
        <v>0.13294797687861271</v>
      </c>
      <c r="J37" s="98">
        <v>0.15317919075144509</v>
      </c>
      <c r="K37" s="104">
        <v>8.0924855491329481E-2</v>
      </c>
      <c r="L37" s="103">
        <v>1</v>
      </c>
    </row>
    <row r="38" spans="1:12" ht="19.95" customHeight="1" x14ac:dyDescent="0.2">
      <c r="B38" s="29"/>
    </row>
    <row r="39" spans="1:12" ht="19.95" customHeight="1" x14ac:dyDescent="0.2">
      <c r="A39" s="301" t="s">
        <v>177</v>
      </c>
      <c r="B39" s="302"/>
      <c r="C39" s="302"/>
      <c r="D39" s="302"/>
      <c r="E39" s="303"/>
      <c r="F39" s="78"/>
      <c r="G39" s="78"/>
      <c r="H39" s="78"/>
    </row>
    <row r="40" spans="1:12" ht="19.95" customHeight="1" x14ac:dyDescent="0.2">
      <c r="A40" s="304" t="s">
        <v>245</v>
      </c>
      <c r="B40" s="78"/>
      <c r="C40" s="78"/>
      <c r="D40" s="78">
        <v>3</v>
      </c>
      <c r="E40" s="305"/>
      <c r="F40" s="78"/>
      <c r="G40" s="78"/>
      <c r="H40" s="78"/>
    </row>
    <row r="41" spans="1:12" ht="19.95" customHeight="1" x14ac:dyDescent="0.2">
      <c r="A41" s="304" t="s">
        <v>246</v>
      </c>
      <c r="B41" s="78"/>
      <c r="C41" s="78"/>
      <c r="D41" s="78">
        <v>2</v>
      </c>
      <c r="E41" s="305"/>
      <c r="F41" s="78"/>
      <c r="G41" s="78"/>
      <c r="H41" s="78"/>
    </row>
    <row r="42" spans="1:12" ht="19.95" customHeight="1" x14ac:dyDescent="0.2">
      <c r="A42" s="304" t="s">
        <v>247</v>
      </c>
      <c r="B42" s="78"/>
      <c r="C42" s="78"/>
      <c r="D42" s="78">
        <v>2</v>
      </c>
      <c r="E42" s="305"/>
      <c r="F42" s="78"/>
      <c r="G42" s="78"/>
      <c r="H42" s="78"/>
    </row>
    <row r="43" spans="1:12" ht="19.95" customHeight="1" x14ac:dyDescent="0.2">
      <c r="A43" s="306" t="s">
        <v>248</v>
      </c>
      <c r="B43" s="307"/>
      <c r="C43" s="307"/>
      <c r="D43" s="307">
        <v>4</v>
      </c>
      <c r="E43" s="308"/>
      <c r="F43" s="78"/>
      <c r="G43" s="78"/>
      <c r="H43" s="78"/>
    </row>
  </sheetData>
  <mergeCells count="11">
    <mergeCell ref="A32:A33"/>
    <mergeCell ref="A34:A35"/>
    <mergeCell ref="B17:B24"/>
    <mergeCell ref="B25:B26"/>
    <mergeCell ref="B27:D27"/>
    <mergeCell ref="A17:A28"/>
    <mergeCell ref="B5:B12"/>
    <mergeCell ref="B13:B14"/>
    <mergeCell ref="B4:D4"/>
    <mergeCell ref="B15:D15"/>
    <mergeCell ref="A5:A16"/>
  </mergeCells>
  <phoneticPr fontId="9"/>
  <pageMargins left="1.1023622047244095" right="0.31496062992125984" top="0.74803149606299213" bottom="0.55118110236220474" header="0.31496062992125984" footer="0.31496062992125984"/>
  <pageSetup paperSize="9" scale="60" orientation="landscape" r:id="rId1"/>
  <headerFooter scaleWithDoc="0" alignWithMargins="0">
    <oddFooter>&amp;C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8"/>
  <sheetViews>
    <sheetView view="pageBreakPreview" zoomScale="80" zoomScaleNormal="75" zoomScaleSheetLayoutView="80" workbookViewId="0">
      <selection activeCell="F12" sqref="F12"/>
    </sheetView>
  </sheetViews>
  <sheetFormatPr defaultColWidth="14.77734375" defaultRowHeight="19.95" customHeight="1" x14ac:dyDescent="0.2"/>
  <cols>
    <col min="1" max="1" width="7.77734375" style="1" customWidth="1"/>
    <col min="2" max="16384" width="14.77734375" style="1"/>
  </cols>
  <sheetData>
    <row r="1" spans="1:12" ht="19.95" customHeight="1" x14ac:dyDescent="0.2">
      <c r="A1" s="5" t="s">
        <v>178</v>
      </c>
      <c r="B1" s="5"/>
    </row>
    <row r="2" spans="1:12" ht="19.95" customHeight="1" x14ac:dyDescent="0.2">
      <c r="A2" s="5"/>
      <c r="B2" s="5"/>
    </row>
    <row r="3" spans="1:12" ht="19.95" customHeight="1" thickBot="1" x14ac:dyDescent="0.25">
      <c r="A3" s="1" t="s">
        <v>179</v>
      </c>
      <c r="D3" s="1" t="s">
        <v>53</v>
      </c>
      <c r="F3" s="78"/>
    </row>
    <row r="4" spans="1:12" ht="19.95" customHeight="1" x14ac:dyDescent="0.2">
      <c r="A4" s="451"/>
      <c r="B4" s="521" t="s">
        <v>40</v>
      </c>
      <c r="C4" s="523" t="s">
        <v>183</v>
      </c>
      <c r="D4" s="518" t="s">
        <v>5</v>
      </c>
      <c r="E4" s="519"/>
      <c r="F4" s="520"/>
      <c r="G4" s="503" t="s">
        <v>3</v>
      </c>
      <c r="H4" s="519"/>
      <c r="I4" s="502"/>
      <c r="J4" s="518" t="s">
        <v>4</v>
      </c>
      <c r="K4" s="519"/>
      <c r="L4" s="520"/>
    </row>
    <row r="5" spans="1:12" ht="19.95" customHeight="1" thickBot="1" x14ac:dyDescent="0.25">
      <c r="A5" s="452"/>
      <c r="B5" s="522"/>
      <c r="C5" s="524"/>
      <c r="D5" s="149" t="s">
        <v>182</v>
      </c>
      <c r="E5" s="147" t="s">
        <v>52</v>
      </c>
      <c r="F5" s="148" t="s">
        <v>181</v>
      </c>
      <c r="G5" s="146" t="s">
        <v>182</v>
      </c>
      <c r="H5" s="147" t="s">
        <v>52</v>
      </c>
      <c r="I5" s="368" t="s">
        <v>181</v>
      </c>
      <c r="J5" s="149" t="s">
        <v>182</v>
      </c>
      <c r="K5" s="147" t="s">
        <v>52</v>
      </c>
      <c r="L5" s="148" t="s">
        <v>181</v>
      </c>
    </row>
    <row r="6" spans="1:12" ht="19.95" customHeight="1" thickTop="1" x14ac:dyDescent="0.2">
      <c r="A6" s="461" t="s">
        <v>21</v>
      </c>
      <c r="B6" s="9" t="s">
        <v>44</v>
      </c>
      <c r="C6" s="350">
        <v>0</v>
      </c>
      <c r="D6" s="13">
        <v>0</v>
      </c>
      <c r="E6" s="11">
        <v>0</v>
      </c>
      <c r="F6" s="129" t="s">
        <v>250</v>
      </c>
      <c r="G6" s="10">
        <v>0</v>
      </c>
      <c r="H6" s="11">
        <v>0</v>
      </c>
      <c r="I6" s="351" t="s">
        <v>250</v>
      </c>
      <c r="J6" s="13">
        <v>0</v>
      </c>
      <c r="K6" s="11">
        <v>0</v>
      </c>
      <c r="L6" s="352" t="s">
        <v>250</v>
      </c>
    </row>
    <row r="7" spans="1:12" ht="19.95" customHeight="1" x14ac:dyDescent="0.2">
      <c r="A7" s="461"/>
      <c r="B7" s="14" t="s">
        <v>45</v>
      </c>
      <c r="C7" s="350">
        <v>11</v>
      </c>
      <c r="D7" s="13">
        <v>23</v>
      </c>
      <c r="E7" s="11">
        <v>1</v>
      </c>
      <c r="F7" s="12">
        <v>4.3478260869565216E-2</v>
      </c>
      <c r="G7" s="31">
        <v>15</v>
      </c>
      <c r="H7" s="150">
        <v>1</v>
      </c>
      <c r="I7" s="353">
        <v>6.6666666666666666E-2</v>
      </c>
      <c r="J7" s="15">
        <v>8</v>
      </c>
      <c r="K7" s="150">
        <v>0</v>
      </c>
      <c r="L7" s="12">
        <v>0</v>
      </c>
    </row>
    <row r="8" spans="1:12" ht="19.95" customHeight="1" x14ac:dyDescent="0.2">
      <c r="A8" s="461"/>
      <c r="B8" s="14" t="s">
        <v>46</v>
      </c>
      <c r="C8" s="350">
        <v>37</v>
      </c>
      <c r="D8" s="13">
        <v>83</v>
      </c>
      <c r="E8" s="11">
        <v>15</v>
      </c>
      <c r="F8" s="12">
        <v>0.18072289156626506</v>
      </c>
      <c r="G8" s="31">
        <v>51</v>
      </c>
      <c r="H8" s="150">
        <v>6</v>
      </c>
      <c r="I8" s="353">
        <v>0.11764705882352941</v>
      </c>
      <c r="J8" s="15">
        <v>32</v>
      </c>
      <c r="K8" s="150">
        <v>9</v>
      </c>
      <c r="L8" s="12">
        <v>0.28125</v>
      </c>
    </row>
    <row r="9" spans="1:12" ht="19.95" customHeight="1" thickBot="1" x14ac:dyDescent="0.25">
      <c r="A9" s="461"/>
      <c r="B9" s="16" t="s">
        <v>42</v>
      </c>
      <c r="C9" s="354">
        <v>11</v>
      </c>
      <c r="D9" s="13">
        <v>34</v>
      </c>
      <c r="E9" s="11">
        <v>3</v>
      </c>
      <c r="F9" s="12">
        <v>8.8235294117647065E-2</v>
      </c>
      <c r="G9" s="31">
        <v>27</v>
      </c>
      <c r="H9" s="150">
        <v>1</v>
      </c>
      <c r="I9" s="353">
        <v>3.7037037037037035E-2</v>
      </c>
      <c r="J9" s="15">
        <v>7</v>
      </c>
      <c r="K9" s="150">
        <v>2</v>
      </c>
      <c r="L9" s="12">
        <v>0.2857142857142857</v>
      </c>
    </row>
    <row r="10" spans="1:12" ht="19.95" customHeight="1" thickTop="1" thickBot="1" x14ac:dyDescent="0.25">
      <c r="A10" s="449"/>
      <c r="B10" s="18" t="s">
        <v>35</v>
      </c>
      <c r="C10" s="355">
        <v>59</v>
      </c>
      <c r="D10" s="19">
        <v>140</v>
      </c>
      <c r="E10" s="20">
        <v>19</v>
      </c>
      <c r="F10" s="21">
        <v>0.1357142857142857</v>
      </c>
      <c r="G10" s="32">
        <v>93</v>
      </c>
      <c r="H10" s="32">
        <v>8</v>
      </c>
      <c r="I10" s="332">
        <v>8.6021505376344093E-2</v>
      </c>
      <c r="J10" s="19">
        <v>47</v>
      </c>
      <c r="K10" s="32">
        <v>11</v>
      </c>
      <c r="L10" s="21">
        <v>0.23404255319148937</v>
      </c>
    </row>
    <row r="11" spans="1:12" ht="19.95" customHeight="1" x14ac:dyDescent="0.2">
      <c r="A11" s="525" t="s">
        <v>22</v>
      </c>
      <c r="B11" s="9" t="s">
        <v>44</v>
      </c>
      <c r="C11" s="350">
        <v>4</v>
      </c>
      <c r="D11" s="13">
        <v>5</v>
      </c>
      <c r="E11" s="11">
        <v>0</v>
      </c>
      <c r="F11" s="12">
        <v>0</v>
      </c>
      <c r="G11" s="10">
        <v>3</v>
      </c>
      <c r="H11" s="11">
        <v>0</v>
      </c>
      <c r="I11" s="353">
        <v>0</v>
      </c>
      <c r="J11" s="13">
        <v>2</v>
      </c>
      <c r="K11" s="11">
        <v>0</v>
      </c>
      <c r="L11" s="12">
        <v>0</v>
      </c>
    </row>
    <row r="12" spans="1:12" ht="19.95" customHeight="1" x14ac:dyDescent="0.2">
      <c r="A12" s="461"/>
      <c r="B12" s="14" t="s">
        <v>45</v>
      </c>
      <c r="C12" s="350">
        <v>52</v>
      </c>
      <c r="D12" s="13">
        <v>108</v>
      </c>
      <c r="E12" s="11">
        <v>24</v>
      </c>
      <c r="F12" s="12">
        <v>0.22222222222222221</v>
      </c>
      <c r="G12" s="31">
        <v>66</v>
      </c>
      <c r="H12" s="150">
        <v>11</v>
      </c>
      <c r="I12" s="353">
        <v>0.16666666666666666</v>
      </c>
      <c r="J12" s="15">
        <v>42</v>
      </c>
      <c r="K12" s="150">
        <v>13</v>
      </c>
      <c r="L12" s="12">
        <v>0.30952380952380953</v>
      </c>
    </row>
    <row r="13" spans="1:12" ht="19.95" customHeight="1" x14ac:dyDescent="0.2">
      <c r="A13" s="461"/>
      <c r="B13" s="14" t="s">
        <v>47</v>
      </c>
      <c r="C13" s="350">
        <v>66</v>
      </c>
      <c r="D13" s="13">
        <v>128</v>
      </c>
      <c r="E13" s="11">
        <v>37</v>
      </c>
      <c r="F13" s="12">
        <v>0.2890625</v>
      </c>
      <c r="G13" s="31">
        <v>85</v>
      </c>
      <c r="H13" s="150">
        <v>23</v>
      </c>
      <c r="I13" s="353">
        <v>0.27058823529411763</v>
      </c>
      <c r="J13" s="15">
        <v>43</v>
      </c>
      <c r="K13" s="150">
        <v>14</v>
      </c>
      <c r="L13" s="12">
        <v>0.32558139534883723</v>
      </c>
    </row>
    <row r="14" spans="1:12" ht="19.95" customHeight="1" x14ac:dyDescent="0.2">
      <c r="A14" s="461"/>
      <c r="B14" s="14" t="s">
        <v>48</v>
      </c>
      <c r="C14" s="350">
        <v>12</v>
      </c>
      <c r="D14" s="13">
        <v>32</v>
      </c>
      <c r="E14" s="11">
        <v>11</v>
      </c>
      <c r="F14" s="12">
        <v>0.34375</v>
      </c>
      <c r="G14" s="31">
        <v>16</v>
      </c>
      <c r="H14" s="150">
        <v>4</v>
      </c>
      <c r="I14" s="353">
        <v>0.25</v>
      </c>
      <c r="J14" s="15">
        <v>16</v>
      </c>
      <c r="K14" s="150">
        <v>7</v>
      </c>
      <c r="L14" s="12">
        <v>0.4375</v>
      </c>
    </row>
    <row r="15" spans="1:12" ht="19.95" customHeight="1" thickBot="1" x14ac:dyDescent="0.25">
      <c r="A15" s="461"/>
      <c r="B15" s="16" t="s">
        <v>41</v>
      </c>
      <c r="C15" s="356">
        <v>1</v>
      </c>
      <c r="D15" s="151">
        <v>5</v>
      </c>
      <c r="E15" s="152">
        <v>5</v>
      </c>
      <c r="F15" s="28">
        <v>1</v>
      </c>
      <c r="G15" s="132">
        <v>5</v>
      </c>
      <c r="H15" s="152">
        <v>5</v>
      </c>
      <c r="I15" s="180">
        <v>1</v>
      </c>
      <c r="J15" s="151">
        <v>0</v>
      </c>
      <c r="K15" s="152">
        <v>0</v>
      </c>
      <c r="L15" s="357" t="s">
        <v>231</v>
      </c>
    </row>
    <row r="16" spans="1:12" ht="19.95" customHeight="1" thickTop="1" thickBot="1" x14ac:dyDescent="0.25">
      <c r="A16" s="449"/>
      <c r="B16" s="18" t="s">
        <v>35</v>
      </c>
      <c r="C16" s="358">
        <v>135</v>
      </c>
      <c r="D16" s="19">
        <v>278</v>
      </c>
      <c r="E16" s="20">
        <v>77</v>
      </c>
      <c r="F16" s="21">
        <v>0.27697841726618705</v>
      </c>
      <c r="G16" s="32">
        <v>175</v>
      </c>
      <c r="H16" s="32">
        <v>43</v>
      </c>
      <c r="I16" s="332">
        <v>0.24571428571428572</v>
      </c>
      <c r="J16" s="19">
        <v>103</v>
      </c>
      <c r="K16" s="32">
        <v>34</v>
      </c>
      <c r="L16" s="21">
        <v>0.3300970873786408</v>
      </c>
    </row>
    <row r="17" spans="1:12" ht="19.95" customHeight="1" x14ac:dyDescent="0.2">
      <c r="C17" s="359" t="s">
        <v>237</v>
      </c>
    </row>
    <row r="18" spans="1:12" ht="19.95" customHeight="1" thickBot="1" x14ac:dyDescent="0.25">
      <c r="A18" s="1" t="s">
        <v>180</v>
      </c>
    </row>
    <row r="19" spans="1:12" ht="19.95" customHeight="1" x14ac:dyDescent="0.2">
      <c r="A19" s="451"/>
      <c r="B19" s="521" t="s">
        <v>43</v>
      </c>
      <c r="C19" s="523" t="s">
        <v>183</v>
      </c>
      <c r="D19" s="518" t="s">
        <v>5</v>
      </c>
      <c r="E19" s="519"/>
      <c r="F19" s="520"/>
      <c r="G19" s="503" t="s">
        <v>3</v>
      </c>
      <c r="H19" s="519"/>
      <c r="I19" s="502"/>
      <c r="J19" s="518" t="s">
        <v>4</v>
      </c>
      <c r="K19" s="519"/>
      <c r="L19" s="520"/>
    </row>
    <row r="20" spans="1:12" ht="19.95" customHeight="1" thickBot="1" x14ac:dyDescent="0.25">
      <c r="A20" s="452"/>
      <c r="B20" s="522"/>
      <c r="C20" s="524"/>
      <c r="D20" s="149" t="s">
        <v>182</v>
      </c>
      <c r="E20" s="147" t="s">
        <v>52</v>
      </c>
      <c r="F20" s="148" t="s">
        <v>181</v>
      </c>
      <c r="G20" s="146" t="s">
        <v>182</v>
      </c>
      <c r="H20" s="147" t="s">
        <v>52</v>
      </c>
      <c r="I20" s="368" t="s">
        <v>181</v>
      </c>
      <c r="J20" s="149" t="s">
        <v>182</v>
      </c>
      <c r="K20" s="147" t="s">
        <v>52</v>
      </c>
      <c r="L20" s="148" t="s">
        <v>181</v>
      </c>
    </row>
    <row r="21" spans="1:12" ht="19.95" customHeight="1" thickTop="1" x14ac:dyDescent="0.2">
      <c r="A21" s="461" t="s">
        <v>21</v>
      </c>
      <c r="B21" s="9" t="s">
        <v>12</v>
      </c>
      <c r="C21" s="350">
        <v>25</v>
      </c>
      <c r="D21" s="13">
        <v>62</v>
      </c>
      <c r="E21" s="11">
        <v>8</v>
      </c>
      <c r="F21" s="12">
        <v>0.12903225806451613</v>
      </c>
      <c r="G21" s="10">
        <v>47</v>
      </c>
      <c r="H21" s="11">
        <v>2</v>
      </c>
      <c r="I21" s="353">
        <v>4.2553191489361701E-2</v>
      </c>
      <c r="J21" s="13">
        <v>15</v>
      </c>
      <c r="K21" s="11">
        <v>6</v>
      </c>
      <c r="L21" s="12">
        <v>0.4</v>
      </c>
    </row>
    <row r="22" spans="1:12" ht="19.95" customHeight="1" x14ac:dyDescent="0.2">
      <c r="A22" s="461"/>
      <c r="B22" s="14" t="s">
        <v>13</v>
      </c>
      <c r="C22" s="350">
        <v>5</v>
      </c>
      <c r="D22" s="13">
        <v>5</v>
      </c>
      <c r="E22" s="11">
        <v>2</v>
      </c>
      <c r="F22" s="12">
        <v>0.4</v>
      </c>
      <c r="G22" s="31">
        <v>3</v>
      </c>
      <c r="H22" s="150">
        <v>1</v>
      </c>
      <c r="I22" s="353">
        <v>0.33333333333333331</v>
      </c>
      <c r="J22" s="15">
        <v>2</v>
      </c>
      <c r="K22" s="150">
        <v>1</v>
      </c>
      <c r="L22" s="12">
        <v>0.5</v>
      </c>
    </row>
    <row r="23" spans="1:12" ht="19.95" customHeight="1" x14ac:dyDescent="0.2">
      <c r="A23" s="461"/>
      <c r="B23" s="14" t="s">
        <v>14</v>
      </c>
      <c r="C23" s="350">
        <v>4</v>
      </c>
      <c r="D23" s="13">
        <v>23</v>
      </c>
      <c r="E23" s="11">
        <v>0</v>
      </c>
      <c r="F23" s="12">
        <v>0</v>
      </c>
      <c r="G23" s="31">
        <v>10</v>
      </c>
      <c r="H23" s="150">
        <v>0</v>
      </c>
      <c r="I23" s="353">
        <v>0</v>
      </c>
      <c r="J23" s="15">
        <v>13</v>
      </c>
      <c r="K23" s="150">
        <v>0</v>
      </c>
      <c r="L23" s="12">
        <v>0</v>
      </c>
    </row>
    <row r="24" spans="1:12" ht="19.95" customHeight="1" x14ac:dyDescent="0.2">
      <c r="A24" s="461"/>
      <c r="B24" s="14" t="s">
        <v>15</v>
      </c>
      <c r="C24" s="350">
        <v>4</v>
      </c>
      <c r="D24" s="13">
        <v>9</v>
      </c>
      <c r="E24" s="11">
        <v>3</v>
      </c>
      <c r="F24" s="12">
        <v>0.33333333333333331</v>
      </c>
      <c r="G24" s="31">
        <v>4</v>
      </c>
      <c r="H24" s="150">
        <v>1</v>
      </c>
      <c r="I24" s="353">
        <v>0.25</v>
      </c>
      <c r="J24" s="15">
        <v>5</v>
      </c>
      <c r="K24" s="150">
        <v>2</v>
      </c>
      <c r="L24" s="12">
        <v>0.4</v>
      </c>
    </row>
    <row r="25" spans="1:12" ht="19.95" customHeight="1" x14ac:dyDescent="0.2">
      <c r="A25" s="461"/>
      <c r="B25" s="14" t="s">
        <v>16</v>
      </c>
      <c r="C25" s="350">
        <v>4</v>
      </c>
      <c r="D25" s="13">
        <v>6</v>
      </c>
      <c r="E25" s="11">
        <v>0</v>
      </c>
      <c r="F25" s="12">
        <v>0</v>
      </c>
      <c r="G25" s="31">
        <v>5</v>
      </c>
      <c r="H25" s="150">
        <v>0</v>
      </c>
      <c r="I25" s="353">
        <v>0</v>
      </c>
      <c r="J25" s="15">
        <v>1</v>
      </c>
      <c r="K25" s="150">
        <v>0</v>
      </c>
      <c r="L25" s="12">
        <v>0</v>
      </c>
    </row>
    <row r="26" spans="1:12" ht="19.95" customHeight="1" x14ac:dyDescent="0.2">
      <c r="A26" s="461"/>
      <c r="B26" s="14" t="s">
        <v>17</v>
      </c>
      <c r="C26" s="350">
        <v>5</v>
      </c>
      <c r="D26" s="13">
        <v>10</v>
      </c>
      <c r="E26" s="11">
        <v>4</v>
      </c>
      <c r="F26" s="12">
        <v>0.4</v>
      </c>
      <c r="G26" s="31">
        <v>7</v>
      </c>
      <c r="H26" s="150">
        <v>2</v>
      </c>
      <c r="I26" s="353">
        <v>0.2857142857142857</v>
      </c>
      <c r="J26" s="15">
        <v>3</v>
      </c>
      <c r="K26" s="150">
        <v>2</v>
      </c>
      <c r="L26" s="12">
        <v>0.66666666666666663</v>
      </c>
    </row>
    <row r="27" spans="1:12" ht="19.95" customHeight="1" x14ac:dyDescent="0.2">
      <c r="A27" s="461"/>
      <c r="B27" s="14" t="s">
        <v>18</v>
      </c>
      <c r="C27" s="360">
        <v>7</v>
      </c>
      <c r="D27" s="13">
        <v>17</v>
      </c>
      <c r="E27" s="11">
        <v>1</v>
      </c>
      <c r="F27" s="12">
        <v>5.8823529411764705E-2</v>
      </c>
      <c r="G27" s="361">
        <v>11</v>
      </c>
      <c r="H27" s="17">
        <v>1</v>
      </c>
      <c r="I27" s="353">
        <v>9.0909090909090912E-2</v>
      </c>
      <c r="J27" s="362">
        <v>6</v>
      </c>
      <c r="K27" s="17">
        <v>0</v>
      </c>
      <c r="L27" s="12">
        <v>0</v>
      </c>
    </row>
    <row r="28" spans="1:12" ht="19.95" customHeight="1" thickBot="1" x14ac:dyDescent="0.25">
      <c r="A28" s="461"/>
      <c r="B28" s="16" t="s">
        <v>19</v>
      </c>
      <c r="C28" s="356">
        <v>5</v>
      </c>
      <c r="D28" s="13">
        <v>8</v>
      </c>
      <c r="E28" s="11">
        <v>1</v>
      </c>
      <c r="F28" s="12">
        <v>0.125</v>
      </c>
      <c r="G28" s="132">
        <v>6</v>
      </c>
      <c r="H28" s="152">
        <v>1</v>
      </c>
      <c r="I28" s="353">
        <v>0.16666666666666666</v>
      </c>
      <c r="J28" s="151">
        <v>2</v>
      </c>
      <c r="K28" s="152">
        <v>0</v>
      </c>
      <c r="L28" s="28">
        <v>0</v>
      </c>
    </row>
    <row r="29" spans="1:12" ht="19.95" customHeight="1" thickTop="1" thickBot="1" x14ac:dyDescent="0.25">
      <c r="A29" s="449"/>
      <c r="B29" s="18" t="s">
        <v>35</v>
      </c>
      <c r="C29" s="358">
        <v>59</v>
      </c>
      <c r="D29" s="363">
        <v>140</v>
      </c>
      <c r="E29" s="364">
        <v>19</v>
      </c>
      <c r="F29" s="365">
        <v>0.1357142857142857</v>
      </c>
      <c r="G29" s="32">
        <v>93</v>
      </c>
      <c r="H29" s="32">
        <v>8</v>
      </c>
      <c r="I29" s="332">
        <v>8.6021505376344093E-2</v>
      </c>
      <c r="J29" s="19">
        <v>47</v>
      </c>
      <c r="K29" s="32">
        <v>11</v>
      </c>
      <c r="L29" s="21">
        <v>0.23404255319148937</v>
      </c>
    </row>
    <row r="30" spans="1:12" ht="19.95" customHeight="1" x14ac:dyDescent="0.2">
      <c r="A30" s="525" t="s">
        <v>22</v>
      </c>
      <c r="B30" s="9" t="s">
        <v>12</v>
      </c>
      <c r="C30" s="350">
        <v>50</v>
      </c>
      <c r="D30" s="13">
        <v>88</v>
      </c>
      <c r="E30" s="11">
        <v>29</v>
      </c>
      <c r="F30" s="12">
        <v>0.32954545454545453</v>
      </c>
      <c r="G30" s="10">
        <v>59</v>
      </c>
      <c r="H30" s="11">
        <v>11</v>
      </c>
      <c r="I30" s="353">
        <v>0.1864406779661017</v>
      </c>
      <c r="J30" s="13">
        <v>29</v>
      </c>
      <c r="K30" s="11">
        <v>18</v>
      </c>
      <c r="L30" s="12">
        <v>0.62068965517241381</v>
      </c>
    </row>
    <row r="31" spans="1:12" ht="19.95" customHeight="1" x14ac:dyDescent="0.2">
      <c r="A31" s="461"/>
      <c r="B31" s="14" t="s">
        <v>13</v>
      </c>
      <c r="C31" s="350">
        <v>16</v>
      </c>
      <c r="D31" s="13">
        <v>35</v>
      </c>
      <c r="E31" s="11">
        <v>12</v>
      </c>
      <c r="F31" s="12">
        <v>0.34285714285714286</v>
      </c>
      <c r="G31" s="31">
        <v>26</v>
      </c>
      <c r="H31" s="150">
        <v>10</v>
      </c>
      <c r="I31" s="353">
        <v>0.38461538461538464</v>
      </c>
      <c r="J31" s="15">
        <v>9</v>
      </c>
      <c r="K31" s="150">
        <v>2</v>
      </c>
      <c r="L31" s="12">
        <v>0.22222222222222221</v>
      </c>
    </row>
    <row r="32" spans="1:12" ht="19.95" customHeight="1" x14ac:dyDescent="0.2">
      <c r="A32" s="461"/>
      <c r="B32" s="14" t="s">
        <v>14</v>
      </c>
      <c r="C32" s="350">
        <v>10</v>
      </c>
      <c r="D32" s="13">
        <v>18</v>
      </c>
      <c r="E32" s="11">
        <v>3</v>
      </c>
      <c r="F32" s="12">
        <v>0.16666666666666666</v>
      </c>
      <c r="G32" s="31">
        <v>13</v>
      </c>
      <c r="H32" s="150">
        <v>1</v>
      </c>
      <c r="I32" s="353">
        <v>7.6923076923076927E-2</v>
      </c>
      <c r="J32" s="15">
        <v>5</v>
      </c>
      <c r="K32" s="150">
        <v>2</v>
      </c>
      <c r="L32" s="12">
        <v>0.4</v>
      </c>
    </row>
    <row r="33" spans="1:12" ht="19.95" customHeight="1" x14ac:dyDescent="0.2">
      <c r="A33" s="461"/>
      <c r="B33" s="14" t="s">
        <v>15</v>
      </c>
      <c r="C33" s="350">
        <v>14</v>
      </c>
      <c r="D33" s="13">
        <v>25</v>
      </c>
      <c r="E33" s="11">
        <v>13</v>
      </c>
      <c r="F33" s="12">
        <v>0.52</v>
      </c>
      <c r="G33" s="31">
        <v>16</v>
      </c>
      <c r="H33" s="150">
        <v>9</v>
      </c>
      <c r="I33" s="353">
        <v>0.5625</v>
      </c>
      <c r="J33" s="15">
        <v>9</v>
      </c>
      <c r="K33" s="150">
        <v>4</v>
      </c>
      <c r="L33" s="12">
        <v>0.44444444444444442</v>
      </c>
    </row>
    <row r="34" spans="1:12" ht="19.95" customHeight="1" x14ac:dyDescent="0.2">
      <c r="A34" s="461"/>
      <c r="B34" s="14" t="s">
        <v>16</v>
      </c>
      <c r="C34" s="350">
        <v>12</v>
      </c>
      <c r="D34" s="13">
        <v>34</v>
      </c>
      <c r="E34" s="11">
        <v>9</v>
      </c>
      <c r="F34" s="12">
        <v>0.26470588235294118</v>
      </c>
      <c r="G34" s="31">
        <v>18</v>
      </c>
      <c r="H34" s="150">
        <v>3</v>
      </c>
      <c r="I34" s="353">
        <v>0.16666666666666666</v>
      </c>
      <c r="J34" s="15">
        <v>16</v>
      </c>
      <c r="K34" s="150">
        <v>6</v>
      </c>
      <c r="L34" s="12">
        <v>0.375</v>
      </c>
    </row>
    <row r="35" spans="1:12" ht="19.95" customHeight="1" x14ac:dyDescent="0.2">
      <c r="A35" s="461"/>
      <c r="B35" s="14" t="s">
        <v>17</v>
      </c>
      <c r="C35" s="350">
        <v>12</v>
      </c>
      <c r="D35" s="13">
        <v>39</v>
      </c>
      <c r="E35" s="11">
        <v>2</v>
      </c>
      <c r="F35" s="12">
        <v>5.128205128205128E-2</v>
      </c>
      <c r="G35" s="31">
        <v>17</v>
      </c>
      <c r="H35" s="150">
        <v>2</v>
      </c>
      <c r="I35" s="353">
        <v>0.11764705882352941</v>
      </c>
      <c r="J35" s="15">
        <v>22</v>
      </c>
      <c r="K35" s="150">
        <v>0</v>
      </c>
      <c r="L35" s="12">
        <v>0</v>
      </c>
    </row>
    <row r="36" spans="1:12" ht="19.95" customHeight="1" x14ac:dyDescent="0.2">
      <c r="A36" s="461"/>
      <c r="B36" s="14" t="s">
        <v>18</v>
      </c>
      <c r="C36" s="350">
        <v>16</v>
      </c>
      <c r="D36" s="13">
        <v>32</v>
      </c>
      <c r="E36" s="11">
        <v>7</v>
      </c>
      <c r="F36" s="12">
        <v>0.21875</v>
      </c>
      <c r="G36" s="31">
        <v>22</v>
      </c>
      <c r="H36" s="150">
        <v>6</v>
      </c>
      <c r="I36" s="353">
        <v>0.27272727272727271</v>
      </c>
      <c r="J36" s="15">
        <v>10</v>
      </c>
      <c r="K36" s="150">
        <v>1</v>
      </c>
      <c r="L36" s="12">
        <v>0.1</v>
      </c>
    </row>
    <row r="37" spans="1:12" ht="19.95" customHeight="1" thickBot="1" x14ac:dyDescent="0.25">
      <c r="A37" s="461"/>
      <c r="B37" s="16" t="s">
        <v>19</v>
      </c>
      <c r="C37" s="356">
        <v>5</v>
      </c>
      <c r="D37" s="13">
        <v>7</v>
      </c>
      <c r="E37" s="11">
        <v>2</v>
      </c>
      <c r="F37" s="12">
        <v>0.2857142857142857</v>
      </c>
      <c r="G37" s="132">
        <v>4</v>
      </c>
      <c r="H37" s="152">
        <v>1</v>
      </c>
      <c r="I37" s="353">
        <v>0.25</v>
      </c>
      <c r="J37" s="151">
        <v>3</v>
      </c>
      <c r="K37" s="152">
        <v>1</v>
      </c>
      <c r="L37" s="12">
        <v>0.33333333333333331</v>
      </c>
    </row>
    <row r="38" spans="1:12" ht="19.95" customHeight="1" thickTop="1" thickBot="1" x14ac:dyDescent="0.25">
      <c r="A38" s="449"/>
      <c r="B38" s="18" t="s">
        <v>35</v>
      </c>
      <c r="C38" s="358">
        <v>135</v>
      </c>
      <c r="D38" s="366">
        <v>278</v>
      </c>
      <c r="E38" s="367">
        <v>77</v>
      </c>
      <c r="F38" s="365">
        <v>0.27697841726618705</v>
      </c>
      <c r="G38" s="32">
        <v>175</v>
      </c>
      <c r="H38" s="32">
        <v>43</v>
      </c>
      <c r="I38" s="332">
        <v>0.24571428571428572</v>
      </c>
      <c r="J38" s="19">
        <v>103</v>
      </c>
      <c r="K38" s="32">
        <v>34</v>
      </c>
      <c r="L38" s="21">
        <v>0.3300970873786408</v>
      </c>
    </row>
  </sheetData>
  <mergeCells count="16">
    <mergeCell ref="G19:I19"/>
    <mergeCell ref="J19:L19"/>
    <mergeCell ref="A21:A29"/>
    <mergeCell ref="A30:A38"/>
    <mergeCell ref="A6:A10"/>
    <mergeCell ref="A11:A16"/>
    <mergeCell ref="A19:A20"/>
    <mergeCell ref="B19:B20"/>
    <mergeCell ref="C19:C20"/>
    <mergeCell ref="D19:F19"/>
    <mergeCell ref="J4:L4"/>
    <mergeCell ref="A4:A5"/>
    <mergeCell ref="B4:B5"/>
    <mergeCell ref="C4:C5"/>
    <mergeCell ref="D4:F4"/>
    <mergeCell ref="G4:I4"/>
  </mergeCells>
  <phoneticPr fontId="9"/>
  <pageMargins left="1.1023622047244095" right="0.31496062992125984" top="0.74803149606299213" bottom="0.74803149606299213" header="0.31496062992125984" footer="0.31496062992125984"/>
  <pageSetup paperSize="9" scale="62" orientation="landscape" r:id="rId1"/>
  <headerFooter scaleWithDoc="0" alignWithMargins="0">
    <oddFooter>&amp;C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9"/>
  <sheetViews>
    <sheetView view="pageBreakPreview" zoomScale="80" zoomScaleNormal="100" zoomScaleSheetLayoutView="80" workbookViewId="0">
      <selection activeCell="B4" sqref="B4"/>
    </sheetView>
  </sheetViews>
  <sheetFormatPr defaultColWidth="14.77734375" defaultRowHeight="19.95" customHeight="1" x14ac:dyDescent="0.2"/>
  <cols>
    <col min="1" max="1" width="10.77734375" style="1" customWidth="1"/>
    <col min="2" max="10" width="14.77734375" style="1"/>
    <col min="11" max="11" width="7.77734375" style="1" customWidth="1"/>
    <col min="12" max="14" width="14.77734375" style="1"/>
    <col min="15" max="15" width="6.6640625" style="1" customWidth="1"/>
    <col min="16" max="16384" width="14.77734375" style="1"/>
  </cols>
  <sheetData>
    <row r="1" spans="1:15" ht="19.95" customHeight="1" x14ac:dyDescent="0.2">
      <c r="A1" s="5" t="s">
        <v>190</v>
      </c>
    </row>
    <row r="2" spans="1:15" ht="19.95" customHeight="1" x14ac:dyDescent="0.2">
      <c r="A2" s="5"/>
    </row>
    <row r="3" spans="1:15" ht="19.95" customHeight="1" thickBot="1" x14ac:dyDescent="0.25">
      <c r="A3" s="1" t="s">
        <v>184</v>
      </c>
    </row>
    <row r="4" spans="1:15" s="29" customFormat="1" ht="24" customHeight="1" thickBot="1" x14ac:dyDescent="0.25">
      <c r="A4" s="369"/>
      <c r="B4" s="370" t="s">
        <v>191</v>
      </c>
      <c r="C4" s="72" t="s">
        <v>234</v>
      </c>
      <c r="D4" s="310" t="s">
        <v>192</v>
      </c>
      <c r="E4" s="309" t="s">
        <v>232</v>
      </c>
      <c r="F4" s="71" t="s">
        <v>236</v>
      </c>
      <c r="G4" s="371" t="s">
        <v>193</v>
      </c>
    </row>
    <row r="5" spans="1:15" ht="19.95" customHeight="1" thickTop="1" x14ac:dyDescent="0.2">
      <c r="A5" s="372" t="s">
        <v>21</v>
      </c>
      <c r="B5" s="373">
        <v>104</v>
      </c>
      <c r="C5" s="288">
        <v>2</v>
      </c>
      <c r="D5" s="12">
        <v>1.9230769230769232E-2</v>
      </c>
      <c r="E5" s="374">
        <v>4</v>
      </c>
      <c r="F5" s="341">
        <v>2</v>
      </c>
      <c r="G5" s="375">
        <v>0</v>
      </c>
    </row>
    <row r="6" spans="1:15" ht="19.95" customHeight="1" thickBot="1" x14ac:dyDescent="0.25">
      <c r="A6" s="376" t="s">
        <v>22</v>
      </c>
      <c r="B6" s="377">
        <v>274</v>
      </c>
      <c r="C6" s="292">
        <v>7</v>
      </c>
      <c r="D6" s="28">
        <v>2.5547445255474453E-2</v>
      </c>
      <c r="E6" s="378">
        <v>10</v>
      </c>
      <c r="F6" s="379">
        <v>0</v>
      </c>
      <c r="G6" s="380">
        <v>5</v>
      </c>
    </row>
    <row r="7" spans="1:15" ht="19.95" customHeight="1" thickTop="1" thickBot="1" x14ac:dyDescent="0.25">
      <c r="A7" s="136" t="s">
        <v>39</v>
      </c>
      <c r="B7" s="381">
        <v>378</v>
      </c>
      <c r="C7" s="296">
        <v>9</v>
      </c>
      <c r="D7" s="123">
        <v>2.3809523809523808E-2</v>
      </c>
      <c r="E7" s="382">
        <v>14</v>
      </c>
      <c r="F7" s="382">
        <v>2</v>
      </c>
      <c r="G7" s="383">
        <v>5</v>
      </c>
    </row>
    <row r="8" spans="1:15" ht="19.95" customHeight="1" x14ac:dyDescent="0.2">
      <c r="A8" s="24"/>
      <c r="B8" s="78"/>
      <c r="C8" s="384" t="s">
        <v>235</v>
      </c>
      <c r="D8" s="78"/>
    </row>
    <row r="9" spans="1:15" ht="19.95" customHeight="1" thickBot="1" x14ac:dyDescent="0.25">
      <c r="A9" s="7" t="s">
        <v>212</v>
      </c>
      <c r="E9" s="385" t="s">
        <v>185</v>
      </c>
      <c r="L9" s="1" t="s">
        <v>213</v>
      </c>
    </row>
    <row r="10" spans="1:15" s="27" customFormat="1" ht="24" customHeight="1" thickBot="1" x14ac:dyDescent="0.25">
      <c r="A10" s="386"/>
      <c r="B10" s="387" t="s">
        <v>233</v>
      </c>
      <c r="C10" s="388" t="s">
        <v>194</v>
      </c>
      <c r="D10" s="389" t="s">
        <v>195</v>
      </c>
      <c r="E10" s="388" t="s">
        <v>196</v>
      </c>
      <c r="F10" s="388" t="s">
        <v>197</v>
      </c>
      <c r="G10" s="388" t="s">
        <v>198</v>
      </c>
      <c r="H10" s="390" t="s">
        <v>199</v>
      </c>
      <c r="I10" s="391" t="s">
        <v>161</v>
      </c>
      <c r="J10" s="285" t="s">
        <v>228</v>
      </c>
      <c r="L10" s="301" t="s">
        <v>252</v>
      </c>
      <c r="M10" s="302"/>
      <c r="N10" s="303"/>
      <c r="O10" s="78"/>
    </row>
    <row r="11" spans="1:15" ht="19.95" customHeight="1" thickTop="1" x14ac:dyDescent="0.2">
      <c r="A11" s="392" t="s">
        <v>200</v>
      </c>
      <c r="B11" s="393">
        <v>21</v>
      </c>
      <c r="C11" s="394">
        <v>3</v>
      </c>
      <c r="D11" s="394">
        <v>32</v>
      </c>
      <c r="E11" s="394">
        <v>45</v>
      </c>
      <c r="F11" s="394">
        <v>45</v>
      </c>
      <c r="G11" s="394">
        <v>17</v>
      </c>
      <c r="H11" s="395">
        <v>19</v>
      </c>
      <c r="I11" s="396">
        <v>2</v>
      </c>
      <c r="J11" s="397">
        <v>184</v>
      </c>
      <c r="L11" s="304" t="s">
        <v>251</v>
      </c>
      <c r="M11" s="78"/>
      <c r="N11" s="305"/>
      <c r="O11" s="78"/>
    </row>
    <row r="12" spans="1:15" ht="19.95" customHeight="1" thickBot="1" x14ac:dyDescent="0.25">
      <c r="A12" s="398" t="s">
        <v>201</v>
      </c>
      <c r="B12" s="399">
        <v>54</v>
      </c>
      <c r="C12" s="400">
        <v>2</v>
      </c>
      <c r="D12" s="400">
        <v>82</v>
      </c>
      <c r="E12" s="400">
        <v>105</v>
      </c>
      <c r="F12" s="400">
        <v>134</v>
      </c>
      <c r="G12" s="400">
        <v>41</v>
      </c>
      <c r="H12" s="400">
        <v>45</v>
      </c>
      <c r="I12" s="401">
        <v>12</v>
      </c>
      <c r="J12" s="402">
        <v>475</v>
      </c>
      <c r="L12" s="304" t="s">
        <v>238</v>
      </c>
      <c r="M12" s="78"/>
      <c r="N12" s="305"/>
      <c r="O12" s="78"/>
    </row>
    <row r="13" spans="1:15" ht="19.95" customHeight="1" thickTop="1" x14ac:dyDescent="0.2">
      <c r="A13" s="403" t="s">
        <v>35</v>
      </c>
      <c r="B13" s="109">
        <v>75</v>
      </c>
      <c r="C13" s="95">
        <v>5</v>
      </c>
      <c r="D13" s="95">
        <v>114</v>
      </c>
      <c r="E13" s="95">
        <v>150</v>
      </c>
      <c r="F13" s="95">
        <v>179</v>
      </c>
      <c r="G13" s="95">
        <v>58</v>
      </c>
      <c r="H13" s="95">
        <v>64</v>
      </c>
      <c r="I13" s="96">
        <v>14</v>
      </c>
      <c r="J13" s="96">
        <v>659</v>
      </c>
      <c r="L13" s="304" t="s">
        <v>239</v>
      </c>
      <c r="M13" s="78"/>
      <c r="N13" s="305"/>
      <c r="O13" s="78"/>
    </row>
    <row r="14" spans="1:15" ht="19.95" customHeight="1" thickBot="1" x14ac:dyDescent="0.25">
      <c r="A14" s="404" t="s">
        <v>101</v>
      </c>
      <c r="B14" s="105">
        <v>0.11380880121396054</v>
      </c>
      <c r="C14" s="98">
        <v>7.5872534142640367E-3</v>
      </c>
      <c r="D14" s="98">
        <v>0.17298937784522003</v>
      </c>
      <c r="E14" s="98">
        <v>0.22761760242792109</v>
      </c>
      <c r="F14" s="98">
        <v>0.27162367223065248</v>
      </c>
      <c r="G14" s="98">
        <v>8.8012139605462822E-2</v>
      </c>
      <c r="H14" s="105">
        <v>9.7116843702579669E-2</v>
      </c>
      <c r="I14" s="120">
        <v>2.1244309559939303E-2</v>
      </c>
      <c r="J14" s="170">
        <v>1</v>
      </c>
      <c r="L14" s="306" t="s">
        <v>240</v>
      </c>
      <c r="M14" s="307"/>
      <c r="N14" s="308"/>
      <c r="O14" s="78"/>
    </row>
    <row r="15" spans="1:15" ht="19.95" customHeight="1" x14ac:dyDescent="0.2">
      <c r="A15" s="405"/>
      <c r="B15" s="108"/>
      <c r="C15" s="108"/>
      <c r="D15" s="108"/>
      <c r="E15" s="108"/>
      <c r="F15" s="108"/>
      <c r="G15" s="108"/>
      <c r="H15" s="108"/>
      <c r="I15" s="108"/>
      <c r="J15" s="406"/>
    </row>
    <row r="16" spans="1:15" ht="19.95" customHeight="1" thickBot="1" x14ac:dyDescent="0.25">
      <c r="A16" s="385" t="s">
        <v>202</v>
      </c>
      <c r="B16" s="385"/>
      <c r="C16" s="385"/>
      <c r="D16" s="385"/>
      <c r="E16" s="385"/>
      <c r="F16" s="385"/>
      <c r="G16" s="407"/>
    </row>
    <row r="17" spans="1:10" ht="19.95" customHeight="1" thickBot="1" x14ac:dyDescent="0.25">
      <c r="A17" s="526" t="s">
        <v>186</v>
      </c>
      <c r="B17" s="527"/>
      <c r="C17" s="527"/>
      <c r="D17" s="527"/>
      <c r="E17" s="527"/>
      <c r="F17" s="527"/>
      <c r="G17" s="528"/>
      <c r="H17" s="408" t="s">
        <v>203</v>
      </c>
      <c r="I17" s="409" t="s">
        <v>204</v>
      </c>
      <c r="J17" s="410" t="s">
        <v>205</v>
      </c>
    </row>
    <row r="18" spans="1:10" ht="19.95" customHeight="1" thickTop="1" x14ac:dyDescent="0.2">
      <c r="A18" s="411">
        <v>1</v>
      </c>
      <c r="B18" s="412" t="s">
        <v>55</v>
      </c>
      <c r="C18" s="413"/>
      <c r="D18" s="413"/>
      <c r="E18" s="413"/>
      <c r="F18" s="413"/>
      <c r="G18" s="413"/>
      <c r="H18" s="414">
        <v>0</v>
      </c>
      <c r="I18" s="415">
        <v>5</v>
      </c>
      <c r="J18" s="416">
        <v>5</v>
      </c>
    </row>
    <row r="19" spans="1:10" ht="19.95" customHeight="1" x14ac:dyDescent="0.2">
      <c r="A19" s="417">
        <v>2</v>
      </c>
      <c r="B19" s="418" t="s">
        <v>56</v>
      </c>
      <c r="C19" s="419"/>
      <c r="D19" s="419"/>
      <c r="E19" s="419"/>
      <c r="F19" s="419"/>
      <c r="G19" s="419"/>
      <c r="H19" s="420">
        <v>1</v>
      </c>
      <c r="I19" s="421">
        <v>5</v>
      </c>
      <c r="J19" s="422">
        <v>6</v>
      </c>
    </row>
    <row r="20" spans="1:10" ht="19.95" customHeight="1" x14ac:dyDescent="0.2">
      <c r="A20" s="417">
        <v>3</v>
      </c>
      <c r="B20" s="418" t="s">
        <v>57</v>
      </c>
      <c r="C20" s="419"/>
      <c r="D20" s="419"/>
      <c r="E20" s="419"/>
      <c r="F20" s="419"/>
      <c r="G20" s="419"/>
      <c r="H20" s="420">
        <v>1</v>
      </c>
      <c r="I20" s="421">
        <v>2</v>
      </c>
      <c r="J20" s="422">
        <v>3</v>
      </c>
    </row>
    <row r="21" spans="1:10" ht="19.95" customHeight="1" x14ac:dyDescent="0.2">
      <c r="A21" s="417">
        <v>4</v>
      </c>
      <c r="B21" s="418" t="s">
        <v>58</v>
      </c>
      <c r="C21" s="419"/>
      <c r="D21" s="419"/>
      <c r="E21" s="419"/>
      <c r="F21" s="419"/>
      <c r="G21" s="419"/>
      <c r="H21" s="420">
        <v>0</v>
      </c>
      <c r="I21" s="423">
        <v>0</v>
      </c>
      <c r="J21" s="424">
        <v>0</v>
      </c>
    </row>
    <row r="22" spans="1:10" ht="19.95" customHeight="1" x14ac:dyDescent="0.2">
      <c r="A22" s="417">
        <v>5</v>
      </c>
      <c r="B22" s="418" t="s">
        <v>59</v>
      </c>
      <c r="C22" s="419"/>
      <c r="D22" s="419"/>
      <c r="E22" s="419"/>
      <c r="F22" s="419"/>
      <c r="G22" s="419"/>
      <c r="H22" s="420">
        <v>0</v>
      </c>
      <c r="I22" s="423">
        <v>0</v>
      </c>
      <c r="J22" s="424">
        <v>0</v>
      </c>
    </row>
    <row r="23" spans="1:10" ht="19.95" customHeight="1" x14ac:dyDescent="0.2">
      <c r="A23" s="417">
        <v>6</v>
      </c>
      <c r="B23" s="418" t="s">
        <v>60</v>
      </c>
      <c r="C23" s="419"/>
      <c r="D23" s="419"/>
      <c r="E23" s="419"/>
      <c r="F23" s="419"/>
      <c r="G23" s="419"/>
      <c r="H23" s="420">
        <v>0</v>
      </c>
      <c r="I23" s="423">
        <v>0</v>
      </c>
      <c r="J23" s="424">
        <v>0</v>
      </c>
    </row>
    <row r="24" spans="1:10" ht="19.95" customHeight="1" x14ac:dyDescent="0.2">
      <c r="A24" s="417">
        <v>7</v>
      </c>
      <c r="B24" s="418" t="s">
        <v>61</v>
      </c>
      <c r="C24" s="419"/>
      <c r="D24" s="419"/>
      <c r="E24" s="419"/>
      <c r="F24" s="419"/>
      <c r="G24" s="419"/>
      <c r="H24" s="420">
        <v>0</v>
      </c>
      <c r="I24" s="423">
        <v>0</v>
      </c>
      <c r="J24" s="424">
        <v>0</v>
      </c>
    </row>
    <row r="25" spans="1:10" ht="19.95" customHeight="1" x14ac:dyDescent="0.2">
      <c r="A25" s="417">
        <v>8</v>
      </c>
      <c r="B25" s="418" t="s">
        <v>62</v>
      </c>
      <c r="C25" s="419"/>
      <c r="D25" s="419"/>
      <c r="E25" s="419"/>
      <c r="F25" s="419"/>
      <c r="G25" s="419"/>
      <c r="H25" s="420">
        <v>0</v>
      </c>
      <c r="I25" s="423">
        <v>0</v>
      </c>
      <c r="J25" s="424">
        <v>0</v>
      </c>
    </row>
    <row r="26" spans="1:10" ht="19.95" customHeight="1" x14ac:dyDescent="0.2">
      <c r="A26" s="425">
        <v>9</v>
      </c>
      <c r="B26" s="426" t="s">
        <v>63</v>
      </c>
      <c r="C26" s="427"/>
      <c r="D26" s="427"/>
      <c r="E26" s="427"/>
      <c r="F26" s="427"/>
      <c r="G26" s="427"/>
      <c r="H26" s="428">
        <v>1</v>
      </c>
      <c r="I26" s="421">
        <v>4</v>
      </c>
      <c r="J26" s="422">
        <v>5</v>
      </c>
    </row>
    <row r="27" spans="1:10" ht="19.95" customHeight="1" x14ac:dyDescent="0.2">
      <c r="A27" s="425">
        <v>10</v>
      </c>
      <c r="B27" s="426" t="s">
        <v>187</v>
      </c>
      <c r="C27" s="427"/>
      <c r="D27" s="427"/>
      <c r="E27" s="427"/>
      <c r="F27" s="427"/>
      <c r="G27" s="427"/>
      <c r="H27" s="428">
        <v>1</v>
      </c>
      <c r="I27" s="421">
        <v>1</v>
      </c>
      <c r="J27" s="422">
        <v>2</v>
      </c>
    </row>
    <row r="28" spans="1:10" ht="19.95" customHeight="1" x14ac:dyDescent="0.2">
      <c r="A28" s="417">
        <v>11</v>
      </c>
      <c r="B28" s="418" t="s">
        <v>64</v>
      </c>
      <c r="C28" s="419"/>
      <c r="D28" s="419"/>
      <c r="E28" s="419"/>
      <c r="F28" s="419"/>
      <c r="G28" s="419"/>
      <c r="H28" s="420">
        <v>1</v>
      </c>
      <c r="I28" s="421">
        <v>3</v>
      </c>
      <c r="J28" s="422">
        <v>4</v>
      </c>
    </row>
    <row r="29" spans="1:10" ht="19.95" customHeight="1" x14ac:dyDescent="0.2">
      <c r="A29" s="417">
        <v>12</v>
      </c>
      <c r="B29" s="418" t="s">
        <v>65</v>
      </c>
      <c r="C29" s="419"/>
      <c r="D29" s="419"/>
      <c r="E29" s="419"/>
      <c r="F29" s="419"/>
      <c r="G29" s="419"/>
      <c r="H29" s="420">
        <v>0</v>
      </c>
      <c r="I29" s="421">
        <v>0</v>
      </c>
      <c r="J29" s="422">
        <v>0</v>
      </c>
    </row>
    <row r="30" spans="1:10" ht="19.95" customHeight="1" x14ac:dyDescent="0.2">
      <c r="A30" s="417">
        <v>13</v>
      </c>
      <c r="B30" s="418" t="s">
        <v>66</v>
      </c>
      <c r="C30" s="419"/>
      <c r="D30" s="419"/>
      <c r="E30" s="419"/>
      <c r="F30" s="419"/>
      <c r="G30" s="419"/>
      <c r="H30" s="420">
        <v>0</v>
      </c>
      <c r="I30" s="421">
        <v>0</v>
      </c>
      <c r="J30" s="422">
        <v>0</v>
      </c>
    </row>
    <row r="31" spans="1:10" ht="19.95" customHeight="1" x14ac:dyDescent="0.2">
      <c r="A31" s="417">
        <v>14</v>
      </c>
      <c r="B31" s="418" t="s">
        <v>67</v>
      </c>
      <c r="C31" s="419"/>
      <c r="D31" s="419"/>
      <c r="E31" s="419"/>
      <c r="F31" s="419"/>
      <c r="G31" s="419"/>
      <c r="H31" s="420">
        <v>0</v>
      </c>
      <c r="I31" s="421">
        <v>0</v>
      </c>
      <c r="J31" s="422">
        <v>0</v>
      </c>
    </row>
    <row r="32" spans="1:10" ht="19.95" customHeight="1" x14ac:dyDescent="0.2">
      <c r="A32" s="417">
        <v>15</v>
      </c>
      <c r="B32" s="418" t="s">
        <v>68</v>
      </c>
      <c r="C32" s="419"/>
      <c r="D32" s="419"/>
      <c r="E32" s="419"/>
      <c r="F32" s="419"/>
      <c r="G32" s="419"/>
      <c r="H32" s="420">
        <v>1</v>
      </c>
      <c r="I32" s="421">
        <v>2</v>
      </c>
      <c r="J32" s="422">
        <v>3</v>
      </c>
    </row>
    <row r="33" spans="1:10" ht="19.95" customHeight="1" x14ac:dyDescent="0.2">
      <c r="A33" s="417">
        <v>16</v>
      </c>
      <c r="B33" s="418" t="s">
        <v>69</v>
      </c>
      <c r="C33" s="419"/>
      <c r="D33" s="419"/>
      <c r="E33" s="419"/>
      <c r="F33" s="419"/>
      <c r="G33" s="419"/>
      <c r="H33" s="420">
        <v>1</v>
      </c>
      <c r="I33" s="421">
        <v>2</v>
      </c>
      <c r="J33" s="422">
        <v>3</v>
      </c>
    </row>
    <row r="34" spans="1:10" ht="19.95" customHeight="1" x14ac:dyDescent="0.2">
      <c r="A34" s="417">
        <v>17</v>
      </c>
      <c r="B34" s="418" t="s">
        <v>70</v>
      </c>
      <c r="C34" s="419"/>
      <c r="D34" s="419"/>
      <c r="E34" s="419"/>
      <c r="F34" s="419"/>
      <c r="G34" s="419"/>
      <c r="H34" s="420">
        <v>1</v>
      </c>
      <c r="I34" s="421">
        <v>2</v>
      </c>
      <c r="J34" s="422">
        <v>3</v>
      </c>
    </row>
    <row r="35" spans="1:10" ht="19.95" customHeight="1" x14ac:dyDescent="0.2">
      <c r="A35" s="417">
        <v>18</v>
      </c>
      <c r="B35" s="418" t="s">
        <v>188</v>
      </c>
      <c r="C35" s="419"/>
      <c r="D35" s="419"/>
      <c r="E35" s="419"/>
      <c r="F35" s="419"/>
      <c r="G35" s="419"/>
      <c r="H35" s="420">
        <v>0</v>
      </c>
      <c r="I35" s="421">
        <v>0</v>
      </c>
      <c r="J35" s="422">
        <v>0</v>
      </c>
    </row>
    <row r="36" spans="1:10" ht="19.95" customHeight="1" x14ac:dyDescent="0.2">
      <c r="A36" s="417">
        <v>19</v>
      </c>
      <c r="B36" s="418" t="s">
        <v>71</v>
      </c>
      <c r="C36" s="419"/>
      <c r="D36" s="419"/>
      <c r="E36" s="419"/>
      <c r="F36" s="419"/>
      <c r="G36" s="419"/>
      <c r="H36" s="420">
        <v>0</v>
      </c>
      <c r="I36" s="421">
        <v>0</v>
      </c>
      <c r="J36" s="422">
        <v>0</v>
      </c>
    </row>
    <row r="37" spans="1:10" ht="19.95" customHeight="1" x14ac:dyDescent="0.2">
      <c r="A37" s="417">
        <v>20</v>
      </c>
      <c r="B37" s="418" t="s">
        <v>72</v>
      </c>
      <c r="C37" s="419"/>
      <c r="D37" s="419"/>
      <c r="E37" s="419"/>
      <c r="F37" s="419"/>
      <c r="G37" s="419"/>
      <c r="H37" s="420">
        <v>1</v>
      </c>
      <c r="I37" s="421">
        <v>3</v>
      </c>
      <c r="J37" s="422">
        <v>4</v>
      </c>
    </row>
    <row r="38" spans="1:10" ht="19.95" customHeight="1" thickBot="1" x14ac:dyDescent="0.25">
      <c r="A38" s="429">
        <v>21</v>
      </c>
      <c r="B38" s="430" t="s">
        <v>73</v>
      </c>
      <c r="C38" s="431"/>
      <c r="D38" s="431"/>
      <c r="E38" s="431"/>
      <c r="F38" s="431"/>
      <c r="G38" s="431"/>
      <c r="H38" s="432">
        <v>0</v>
      </c>
      <c r="I38" s="433">
        <v>1</v>
      </c>
      <c r="J38" s="434">
        <v>1</v>
      </c>
    </row>
    <row r="39" spans="1:10" ht="19.95" customHeight="1" thickTop="1" thickBot="1" x14ac:dyDescent="0.25">
      <c r="A39" s="435"/>
      <c r="B39" s="436"/>
      <c r="C39" s="436"/>
      <c r="D39" s="436"/>
      <c r="E39" s="436"/>
      <c r="F39" s="436"/>
      <c r="G39" s="436" t="s">
        <v>189</v>
      </c>
      <c r="H39" s="437">
        <v>9</v>
      </c>
      <c r="I39" s="438">
        <v>30</v>
      </c>
      <c r="J39" s="439">
        <v>39</v>
      </c>
    </row>
  </sheetData>
  <mergeCells count="1">
    <mergeCell ref="A17:G17"/>
  </mergeCells>
  <phoneticPr fontId="10"/>
  <printOptions horizontalCentered="1"/>
  <pageMargins left="0.31496062992125984" right="0.31496062992125984" top="0.74803149606299213" bottom="0.74803149606299213" header="0.31496062992125984" footer="0.31496062992125984"/>
  <pageSetup paperSize="9" scale="62" orientation="landscape" r:id="rId1"/>
  <headerFooter scaleWithDoc="0" alignWithMargins="0"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1離職率　2退職理由</vt:lpstr>
      <vt:lpstr>３経験者採用状況</vt:lpstr>
      <vt:lpstr>４新卒者採用状況</vt:lpstr>
      <vt:lpstr>５確保方法</vt:lpstr>
      <vt:lpstr>６充足状況</vt:lpstr>
      <vt:lpstr>７特定行為研修</vt:lpstr>
      <vt:lpstr>'1離職率　2退職理由'!Print_Area</vt:lpstr>
      <vt:lpstr>'４新卒者採用状況'!Print_Area</vt:lpstr>
      <vt:lpstr>'５確保方法'!Print_Area</vt:lpstr>
      <vt:lpstr>'７特定行為研修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3-01-17T06:07:40Z</cp:lastPrinted>
  <dcterms:created xsi:type="dcterms:W3CDTF">2018-07-20T02:29:27Z</dcterms:created>
  <dcterms:modified xsi:type="dcterms:W3CDTF">2023-01-31T00:35:56Z</dcterms:modified>
</cp:coreProperties>
</file>